
<file path=[Content_Types].xml><?xml version="1.0" encoding="utf-8"?>
<Types xmlns="http://schemas.openxmlformats.org/package/2006/content-types">
  <Default Extension="emf" ContentType="image/x-emf"/>
  <Default Extension="jpe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commentAuthors.xml" ContentType="application/vnd.openxmlformats-officedocument.presentationml.commentAuthors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ppt/tags/tag124.xml" ContentType="application/vnd.openxmlformats-officedocument.presentationml.tags+xml"/>
  <Override PartName="/ppt/tags/tag125.xml" ContentType="application/vnd.openxmlformats-officedocument.presentationml.tags+xml"/>
  <Override PartName="/ppt/tags/tag126.xml" ContentType="application/vnd.openxmlformats-officedocument.presentationml.tags+xml"/>
  <Override PartName="/ppt/tags/tag127.xml" ContentType="application/vnd.openxmlformats-officedocument.presentationml.tags+xml"/>
  <Override PartName="/ppt/tags/tag128.xml" ContentType="application/vnd.openxmlformats-officedocument.presentationml.tags+xml"/>
  <Override PartName="/ppt/tags/tag129.xml" ContentType="application/vnd.openxmlformats-officedocument.presentationml.tags+xml"/>
  <Override PartName="/ppt/tags/tag130.xml" ContentType="application/vnd.openxmlformats-officedocument.presentationml.tags+xml"/>
  <Override PartName="/ppt/tags/tag131.xml" ContentType="application/vnd.openxmlformats-officedocument.presentationml.tags+xml"/>
  <Override PartName="/ppt/tags/tag132.xml" ContentType="application/vnd.openxmlformats-officedocument.presentationml.tags+xml"/>
  <Override PartName="/ppt/tags/tag133.xml" ContentType="application/vnd.openxmlformats-officedocument.presentationml.tags+xml"/>
  <Override PartName="/ppt/tags/tag134.xml" ContentType="application/vnd.openxmlformats-officedocument.presentationml.tags+xml"/>
  <Override PartName="/ppt/tags/tag135.xml" ContentType="application/vnd.openxmlformats-officedocument.presentationml.tags+xml"/>
  <Override PartName="/ppt/tags/tag136.xml" ContentType="application/vnd.openxmlformats-officedocument.presentationml.tags+xml"/>
  <Override PartName="/ppt/tags/tag137.xml" ContentType="application/vnd.openxmlformats-officedocument.presentationml.tags+xml"/>
  <Override PartName="/ppt/tags/tag138.xml" ContentType="application/vnd.openxmlformats-officedocument.presentationml.tags+xml"/>
  <Override PartName="/ppt/tags/tag139.xml" ContentType="application/vnd.openxmlformats-officedocument.presentationml.tags+xml"/>
  <Override PartName="/ppt/tags/tag140.xml" ContentType="application/vnd.openxmlformats-officedocument.presentationml.tags+xml"/>
  <Override PartName="/ppt/tags/tag141.xml" ContentType="application/vnd.openxmlformats-officedocument.presentationml.tags+xml"/>
  <Override PartName="/ppt/tags/tag142.xml" ContentType="application/vnd.openxmlformats-officedocument.presentationml.tags+xml"/>
  <Override PartName="/ppt/tags/tag143.xml" ContentType="application/vnd.openxmlformats-officedocument.presentationml.tags+xml"/>
  <Override PartName="/ppt/tags/tag144.xml" ContentType="application/vnd.openxmlformats-officedocument.presentationml.tags+xml"/>
  <Override PartName="/ppt/tags/tag145.xml" ContentType="application/vnd.openxmlformats-officedocument.presentationml.tags+xml"/>
  <Override PartName="/ppt/tags/tag146.xml" ContentType="application/vnd.openxmlformats-officedocument.presentationml.tags+xml"/>
  <Override PartName="/ppt/tags/tag147.xml" ContentType="application/vnd.openxmlformats-officedocument.presentationml.tags+xml"/>
  <Override PartName="/ppt/tags/tag148.xml" ContentType="application/vnd.openxmlformats-officedocument.presentationml.tags+xml"/>
  <Override PartName="/ppt/tags/tag149.xml" ContentType="application/vnd.openxmlformats-officedocument.presentationml.tags+xml"/>
  <Override PartName="/ppt/notesSlides/notesSlide3.xml" ContentType="application/vnd.openxmlformats-officedocument.presentationml.notesSlide+xml"/>
  <Override PartName="/ppt/changesInfos/changesInfo1.xml" ContentType="application/vnd.ms-powerpoint.changesinfo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officeDocument/2006/relationships/extended-properties" Target="docProps/app.xml"/><Relationship Id="rId2" Type="http://schemas.openxmlformats.org/package/2006/relationships/metadata/core-properties" Target="docProps/core.xml"/><Relationship Id="rId1" Type="http://schemas.openxmlformats.org/officeDocument/2006/relationships/officeDocument" Target="ppt/presentation.xml"/><Relationship Id="rId4" Type="http://schemas.openxmlformats.org/officeDocument/2006/relationships/custom-properties" Target="docProps/custom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52" r:id="rId1"/>
  </p:sldMasterIdLst>
  <p:notesMasterIdLst>
    <p:notesMasterId r:id="rId12"/>
  </p:notesMasterIdLst>
  <p:handoutMasterIdLst>
    <p:handoutMasterId r:id="rId13"/>
  </p:handoutMasterIdLst>
  <p:sldIdLst>
    <p:sldId id="1218" r:id="rId2"/>
    <p:sldId id="1225" r:id="rId3"/>
    <p:sldId id="1229" r:id="rId4"/>
    <p:sldId id="1228" r:id="rId5"/>
    <p:sldId id="1226" r:id="rId6"/>
    <p:sldId id="1232" r:id="rId7"/>
    <p:sldId id="1233" r:id="rId8"/>
    <p:sldId id="1227" r:id="rId9"/>
    <p:sldId id="1230" r:id="rId10"/>
    <p:sldId id="1231" r:id="rId11"/>
  </p:sldIdLst>
  <p:sldSz cx="9144000" cy="6858000" type="screen4x3"/>
  <p:notesSz cx="6792913" cy="9925050"/>
  <p:defaultTextStyle>
    <a:defPPr>
      <a:defRPr lang="zh-CN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160">
          <p15:clr>
            <a:srgbClr val="A4A3A4"/>
          </p15:clr>
        </p15:guide>
        <p15:guide id="2" pos="2880">
          <p15:clr>
            <a:srgbClr val="A4A3A4"/>
          </p15:clr>
        </p15:guide>
      </p15:sldGuideLst>
    </p:ext>
    <p:ext uri="{2D200454-40CA-4A62-9FC3-DE9A4176ACB9}">
      <p15:notesGuideLst xmlns:p15="http://schemas.microsoft.com/office/powerpoint/2012/main"/>
    </p:ext>
  </p:extLst>
</p:presentation>
</file>

<file path=ppt/commentAuthors.xml><?xml version="1.0" encoding="utf-8"?>
<p:cmAuthorLst xmlns:a="http://schemas.openxmlformats.org/drawingml/2006/main" xmlns:r="http://schemas.openxmlformats.org/officeDocument/2006/relationships" xmlns:p="http://schemas.openxmlformats.org/presentationml/2006/main">
  <p:cmAuthor id="1" name="li wang" initials="lw" lastIdx="1" clrIdx="0">
    <p:extLst>
      <p:ext uri="{19B8F6BF-5375-455C-9EA6-DF929625EA0E}">
        <p15:presenceInfo xmlns:p15="http://schemas.microsoft.com/office/powerpoint/2012/main" userId="7dbf4ba8da585acb" providerId="Windows Live"/>
      </p:ext>
    </p:extLst>
  </p:cmAuthor>
  <p:cmAuthor id="2" name="yechangqing" initials="y" lastIdx="7" clrIdx="1">
    <p:extLst>
      <p:ext uri="{19B8F6BF-5375-455C-9EA6-DF929625EA0E}">
        <p15:presenceInfo xmlns:p15="http://schemas.microsoft.com/office/powerpoint/2012/main" userId="yechangqing" providerId="None"/>
      </p:ext>
    </p:extLst>
  </p:cmAuthor>
</p:cmAuthorLst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中度样式 2 - 强调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21E4AEA4-8DFA-4A89-87EB-49C32662AFE0}" styleName="中度样式 2 - 强调 2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2">
              <a:tint val="20000"/>
            </a:schemeClr>
          </a:solidFill>
        </a:fill>
      </a:tcStyle>
    </a:wholeTbl>
    <a:band1H>
      <a:tcStyle>
        <a:tcBdr/>
        <a:fill>
          <a:solidFill>
            <a:schemeClr val="accent2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2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2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2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2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2"/>
          </a:solidFill>
        </a:fill>
      </a:tcStyle>
    </a:firstRow>
  </a:tblStyle>
  <a:tblStyle styleId="{F5AB1C69-6EDB-4FF4-983F-18BD219EF322}" styleName="中度样式 2 - 强调 3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3">
              <a:tint val="20000"/>
            </a:schemeClr>
          </a:solidFill>
        </a:fill>
      </a:tcStyle>
    </a:wholeTbl>
    <a:band1H>
      <a:tcStyle>
        <a:tcBdr/>
        <a:fill>
          <a:solidFill>
            <a:schemeClr val="accent3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3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3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3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3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3"/>
          </a:solidFill>
        </a:fill>
      </a:tcStyle>
    </a:firstRow>
  </a:tblStyle>
  <a:tblStyle styleId="{93296810-A885-4BE3-A3E7-6D5BEEA58F35}" styleName="中度样式 2 - 强调 6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6">
              <a:tint val="20000"/>
            </a:schemeClr>
          </a:solidFill>
        </a:fill>
      </a:tcStyle>
    </a:wholeTbl>
    <a:band1H>
      <a:tcStyle>
        <a:tcBdr/>
        <a:fill>
          <a:solidFill>
            <a:schemeClr val="accent6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6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6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6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6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6"/>
          </a:solidFill>
        </a:fill>
      </a:tcStyle>
    </a:firstRow>
  </a:tblStyle>
  <a:tblStyle styleId="{5DA37D80-6434-44D0-A028-1B22A696006F}" styleName="浅色样式 3 - 强调 2">
    <a:wholeTbl>
      <a:tcTxStyle>
        <a:fontRef idx="minor">
          <a:scrgbClr r="0" g="0" b="0"/>
        </a:fontRef>
        <a:schemeClr val="tx1"/>
      </a:tcTxStyle>
      <a:tcStyle>
        <a:tcBdr>
          <a:left>
            <a:ln w="12700" cmpd="sng">
              <a:solidFill>
                <a:schemeClr val="accent2"/>
              </a:solidFill>
            </a:ln>
          </a:left>
          <a:right>
            <a:ln w="12700" cmpd="sng">
              <a:solidFill>
                <a:schemeClr val="accent2"/>
              </a:solidFill>
            </a:ln>
          </a:right>
          <a:top>
            <a:ln w="12700" cmpd="sng">
              <a:solidFill>
                <a:schemeClr val="accent2"/>
              </a:solidFill>
            </a:ln>
          </a:top>
          <a:bottom>
            <a:ln w="12700" cmpd="sng">
              <a:solidFill>
                <a:schemeClr val="accent2"/>
              </a:solidFill>
            </a:ln>
          </a:bottom>
          <a:insideH>
            <a:ln w="12700" cmpd="sng">
              <a:solidFill>
                <a:schemeClr val="accent2"/>
              </a:solidFill>
            </a:ln>
          </a:insideH>
          <a:insideV>
            <a:ln w="12700" cmpd="sng">
              <a:solidFill>
                <a:schemeClr val="accent2"/>
              </a:solidFill>
            </a:ln>
          </a:insideV>
        </a:tcBdr>
        <a:fill>
          <a:noFill/>
        </a:fill>
      </a:tcStyle>
    </a:wholeTbl>
    <a:band1H>
      <a:tcStyle>
        <a:tcBdr/>
        <a:fill>
          <a:solidFill>
            <a:schemeClr val="accent2">
              <a:alpha val="20000"/>
            </a:schemeClr>
          </a:solidFill>
        </a:fill>
      </a:tcStyle>
    </a:band1H>
    <a:band1V>
      <a:tcStyle>
        <a:tcBdr/>
        <a:fill>
          <a:solidFill>
            <a:schemeClr val="accent2">
              <a:alpha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2"/>
              </a:solidFill>
            </a:ln>
          </a:top>
        </a:tcBdr>
        <a:fill>
          <a:noFill/>
        </a:fill>
      </a:tcStyle>
    </a:lastRow>
    <a:firstRow>
      <a:tcTxStyle b="on"/>
      <a:tcStyle>
        <a:tcBdr>
          <a:bottom>
            <a:ln w="25400" cmpd="sng">
              <a:solidFill>
                <a:schemeClr val="accent2"/>
              </a:solidFill>
            </a:ln>
          </a:bottom>
        </a:tcBdr>
        <a:fill>
          <a:noFill/>
        </a:fill>
      </a:tcStyle>
    </a:firstRow>
  </a:tblStyle>
  <a:tblStyle styleId="{69CF1AB2-1976-4502-BF36-3FF5EA218861}" styleName="中度样式 4 - 强调 1">
    <a:wholeTbl>
      <a:tcTxStyle>
        <a:fontRef idx="minor">
          <a:scrgbClr r="0" g="0" b="0"/>
        </a:fontRef>
        <a:schemeClr val="dk1"/>
      </a:tcTxStyle>
      <a:tcStyle>
        <a:tcBdr>
          <a:left>
            <a:ln w="12700" cmpd="sng">
              <a:solidFill>
                <a:schemeClr val="accent1"/>
              </a:solidFill>
            </a:ln>
          </a:left>
          <a:right>
            <a:ln w="12700" cmpd="sng">
              <a:solidFill>
                <a:schemeClr val="accent1"/>
              </a:solidFill>
            </a:ln>
          </a:right>
          <a:top>
            <a:ln w="12700" cmpd="sng">
              <a:solidFill>
                <a:schemeClr val="accent1"/>
              </a:solidFill>
            </a:ln>
          </a:top>
          <a:bottom>
            <a:ln w="12700" cmpd="sng">
              <a:solidFill>
                <a:schemeClr val="accent1"/>
              </a:solidFill>
            </a:ln>
          </a:bottom>
          <a:insideH>
            <a:ln w="12700" cmpd="sng">
              <a:solidFill>
                <a:schemeClr val="accent1"/>
              </a:solidFill>
            </a:ln>
          </a:insideH>
          <a:insideV>
            <a:ln w="12700" cmpd="sng">
              <a:solidFill>
                <a:schemeClr val="accen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25400" cmpd="sng">
              <a:solidFill>
                <a:schemeClr val="accent1"/>
              </a:solidFill>
            </a:ln>
          </a:top>
        </a:tcBdr>
        <a:fill>
          <a:solidFill>
            <a:schemeClr val="accent1">
              <a:tint val="20000"/>
            </a:schemeClr>
          </a:solidFill>
        </a:fill>
      </a:tcStyle>
    </a:lastRow>
    <a:firstRow>
      <a:tcTxStyle b="on"/>
      <a:tcStyle>
        <a:tcBdr/>
        <a:fill>
          <a:solidFill>
            <a:schemeClr val="accent1">
              <a:tint val="20000"/>
            </a:schemeClr>
          </a:solidFill>
        </a:fill>
      </a:tcStyle>
    </a:firstRow>
  </a:tblStyle>
  <a:tblStyle styleId="{BC89EF96-8CEA-46FF-86C4-4CE0E7609802}" styleName="浅色样式 3 - 强调 1">
    <a:wholeTbl>
      <a:tcTxStyle>
        <a:fontRef idx="minor">
          <a:scrgbClr r="0" g="0" b="0"/>
        </a:fontRef>
        <a:schemeClr val="tx1"/>
      </a:tcTxStyle>
      <a:tcStyle>
        <a:tcBdr>
          <a:left>
            <a:ln w="12700" cmpd="sng">
              <a:solidFill>
                <a:schemeClr val="accent1"/>
              </a:solidFill>
            </a:ln>
          </a:left>
          <a:right>
            <a:ln w="12700" cmpd="sng">
              <a:solidFill>
                <a:schemeClr val="accent1"/>
              </a:solidFill>
            </a:ln>
          </a:right>
          <a:top>
            <a:ln w="12700" cmpd="sng">
              <a:solidFill>
                <a:schemeClr val="accent1"/>
              </a:solidFill>
            </a:ln>
          </a:top>
          <a:bottom>
            <a:ln w="12700" cmpd="sng">
              <a:solidFill>
                <a:schemeClr val="accent1"/>
              </a:solidFill>
            </a:ln>
          </a:bottom>
          <a:insideH>
            <a:ln w="12700" cmpd="sng">
              <a:solidFill>
                <a:schemeClr val="accent1"/>
              </a:solidFill>
            </a:ln>
          </a:insideH>
          <a:insideV>
            <a:ln w="12700" cmpd="sng">
              <a:solidFill>
                <a:schemeClr val="accent1"/>
              </a:solidFill>
            </a:ln>
          </a:insideV>
        </a:tcBdr>
        <a:fill>
          <a:noFill/>
        </a:fill>
      </a:tcStyle>
    </a:wholeTbl>
    <a:band1H>
      <a:tcStyle>
        <a:tcBdr/>
        <a:fill>
          <a:solidFill>
            <a:schemeClr val="accent1">
              <a:alpha val="20000"/>
            </a:schemeClr>
          </a:solidFill>
        </a:fill>
      </a:tcStyle>
    </a:band1H>
    <a:band1V>
      <a:tcStyle>
        <a:tcBdr/>
        <a:fill>
          <a:solidFill>
            <a:schemeClr val="accent1">
              <a:alpha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1"/>
              </a:solidFill>
            </a:ln>
          </a:top>
        </a:tcBdr>
        <a:fill>
          <a:noFill/>
        </a:fill>
      </a:tcStyle>
    </a:lastRow>
    <a:firstRow>
      <a:tcTxStyle b="on"/>
      <a:tcStyle>
        <a:tcBdr>
          <a:bottom>
            <a:ln w="25400" cmpd="sng">
              <a:solidFill>
                <a:schemeClr val="accent1"/>
              </a:solidFill>
            </a:ln>
          </a:bottom>
        </a:tcBdr>
        <a:fill>
          <a:noFill/>
        </a:fill>
      </a:tcStyle>
    </a:firstRow>
  </a:tblStyle>
  <a:tblStyle styleId="{69012ECD-51FC-41F1-AA8D-1B2483CD663E}" styleName="浅色样式 2 - 强调 1">
    <a:wholeTbl>
      <a:tcTxStyle>
        <a:fontRef idx="minor">
          <a:scrgbClr r="0" g="0" b="0"/>
        </a:fontRef>
        <a:schemeClr val="tx1"/>
      </a:tcTxStyle>
      <a:tcStyle>
        <a:tcBdr>
          <a:left>
            <a:lnRef idx="1">
              <a:schemeClr val="accent1"/>
            </a:lnRef>
          </a:left>
          <a:right>
            <a:lnRef idx="1">
              <a:schemeClr val="accent1"/>
            </a:lnRef>
          </a:right>
          <a:top>
            <a:lnRef idx="1">
              <a:schemeClr val="accent1"/>
            </a:lnRef>
          </a:top>
          <a:bottom>
            <a:lnRef idx="1">
              <a:schemeClr val="accent1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>
          <a:top>
            <a:lnRef idx="1">
              <a:schemeClr val="accent1"/>
            </a:lnRef>
          </a:top>
          <a:bottom>
            <a:lnRef idx="1">
              <a:schemeClr val="accent1"/>
            </a:lnRef>
          </a:bottom>
        </a:tcBdr>
      </a:tcStyle>
    </a:band1H>
    <a:band1V>
      <a:tcStyle>
        <a:tcBdr>
          <a:left>
            <a:lnRef idx="1">
              <a:schemeClr val="accent1"/>
            </a:lnRef>
          </a:left>
          <a:right>
            <a:lnRef idx="1">
              <a:schemeClr val="accent1"/>
            </a:lnRef>
          </a:right>
        </a:tcBdr>
      </a:tcStyle>
    </a:band1V>
    <a:band2V>
      <a:tcStyle>
        <a:tcBdr>
          <a:left>
            <a:lnRef idx="1">
              <a:schemeClr val="accent1"/>
            </a:lnRef>
          </a:left>
          <a:right>
            <a:lnRef idx="1">
              <a:schemeClr val="accent1"/>
            </a:lnRef>
          </a:right>
        </a:tcBdr>
      </a:tcStyle>
    </a:band2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1"/>
              </a:solidFill>
            </a:ln>
          </a:top>
        </a:tcBdr>
      </a:tcStyle>
    </a:lastRow>
    <a:firstRow>
      <a:tcTxStyle b="on">
        <a:fontRef idx="minor">
          <a:scrgbClr r="0" g="0" b="0"/>
        </a:fontRef>
        <a:schemeClr val="bg1"/>
      </a:tcTxStyle>
      <a:tcStyle>
        <a:tcBdr/>
        <a:fillRef idx="1">
          <a:schemeClr val="accent1"/>
        </a:fillRef>
      </a:tcStyle>
    </a:firstRow>
  </a:tblStyle>
  <a:tblStyle styleId="{D7AC3CCA-C797-4891-BE02-D94E43425B78}" styleName="中度样式 4">
    <a:wholeTbl>
      <a:tcTxStyle>
        <a:fontRef idx="minor">
          <a:scrgbClr r="0" g="0" b="0"/>
        </a:fontRef>
        <a:schemeClr val="dk1"/>
      </a:tcTxStyle>
      <a:tcStyle>
        <a:tcBdr>
          <a:left>
            <a:ln w="12700" cmpd="sng">
              <a:solidFill>
                <a:schemeClr val="dk1"/>
              </a:solidFill>
            </a:ln>
          </a:left>
          <a:right>
            <a:ln w="12700" cmpd="sng">
              <a:solidFill>
                <a:schemeClr val="dk1"/>
              </a:solidFill>
            </a:ln>
          </a:right>
          <a:top>
            <a:ln w="12700" cmpd="sng">
              <a:solidFill>
                <a:schemeClr val="dk1"/>
              </a:solidFill>
            </a:ln>
          </a:top>
          <a:bottom>
            <a:ln w="12700" cmpd="sng">
              <a:solidFill>
                <a:schemeClr val="dk1"/>
              </a:solidFill>
            </a:ln>
          </a:bottom>
          <a:insideH>
            <a:ln w="12700" cmpd="sng">
              <a:solidFill>
                <a:schemeClr val="dk1"/>
              </a:solidFill>
            </a:ln>
          </a:insideH>
          <a:insideV>
            <a:ln w="12700" cmpd="sng">
              <a:solidFill>
                <a:schemeClr val="dk1"/>
              </a:solidFill>
            </a:ln>
          </a:insideV>
        </a:tcBdr>
        <a:fill>
          <a:solidFill>
            <a:schemeClr val="dk1">
              <a:tint val="20000"/>
            </a:schemeClr>
          </a:solidFill>
        </a:fill>
      </a:tcStyle>
    </a:wholeTbl>
    <a:band1H>
      <a:tcStyle>
        <a:tcBdr/>
        <a:fill>
          <a:solidFill>
            <a:schemeClr val="dk1">
              <a:tint val="40000"/>
            </a:schemeClr>
          </a:solidFill>
        </a:fill>
      </a:tcStyle>
    </a:band1H>
    <a:band1V>
      <a:tcStyle>
        <a:tcBdr/>
        <a:fill>
          <a:solidFill>
            <a:schemeClr val="dk1">
              <a:tint val="4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25400" cmpd="sng">
              <a:solidFill>
                <a:schemeClr val="dk1"/>
              </a:solidFill>
            </a:ln>
          </a:top>
        </a:tcBdr>
        <a:fill>
          <a:solidFill>
            <a:schemeClr val="dk1">
              <a:tint val="20000"/>
            </a:schemeClr>
          </a:solidFill>
        </a:fill>
      </a:tcStyle>
    </a:lastRow>
    <a:firstRow>
      <a:tcTxStyle b="on"/>
      <a:tcStyle>
        <a:tcBdr/>
        <a:fill>
          <a:solidFill>
            <a:schemeClr val="dk1">
              <a:tint val="20000"/>
            </a:schemeClr>
          </a:solidFill>
        </a:fill>
      </a:tcStyle>
    </a:firstRow>
  </a:tblStyle>
  <a:tblStyle styleId="{5940675A-B579-460E-94D1-54222C63F5DA}" styleName="无样式，网格型">
    <a:wholeTbl>
      <a:tcTxStyle>
        <a:fontRef idx="minor">
          <a:scrgbClr r="0" g="0" b="0"/>
        </a:fontRef>
        <a:schemeClr val="tx1"/>
      </a:tcTxStyle>
      <a:tcStyle>
        <a:tcBdr>
          <a:left>
            <a:ln w="12700" cmpd="sng">
              <a:solidFill>
                <a:schemeClr val="tx1"/>
              </a:solidFill>
            </a:ln>
          </a:left>
          <a:right>
            <a:ln w="12700" cmpd="sng">
              <a:solidFill>
                <a:schemeClr val="tx1"/>
              </a:solidFill>
            </a:ln>
          </a:right>
          <a:top>
            <a:ln w="12700" cmpd="sng">
              <a:solidFill>
                <a:schemeClr val="tx1"/>
              </a:solidFill>
            </a:ln>
          </a:top>
          <a:bottom>
            <a:ln w="12700" cmpd="sng">
              <a:solidFill>
                <a:schemeClr val="tx1"/>
              </a:solidFill>
            </a:ln>
          </a:bottom>
          <a:insideH>
            <a:ln w="12700" cmpd="sng">
              <a:solidFill>
                <a:schemeClr val="tx1"/>
              </a:solidFill>
            </a:ln>
          </a:insideH>
          <a:insideV>
            <a:ln w="12700" cmpd="sng">
              <a:solidFill>
                <a:schemeClr val="tx1"/>
              </a:solidFill>
            </a:ln>
          </a:insideV>
        </a:tcBdr>
        <a:fill>
          <a:noFill/>
        </a:fill>
      </a:tcStyle>
    </a:wholeTbl>
  </a:tblStyle>
  <a:tblStyle styleId="{B301B821-A1FF-4177-AEE7-76D212191A09}" styleName="中度样式 1 - 强调 1">
    <a:wholeTbl>
      <a:tcTxStyle>
        <a:fontRef idx="minor">
          <a:scrgbClr r="0" g="0" b="0"/>
        </a:fontRef>
        <a:schemeClr val="dk1"/>
      </a:tcTxStyle>
      <a:tcStyle>
        <a:tcBdr>
          <a:left>
            <a:ln w="12700" cmpd="sng">
              <a:solidFill>
                <a:schemeClr val="accent1"/>
              </a:solidFill>
            </a:ln>
          </a:left>
          <a:right>
            <a:ln w="12700" cmpd="sng">
              <a:solidFill>
                <a:schemeClr val="accent1"/>
              </a:solidFill>
            </a:ln>
          </a:right>
          <a:top>
            <a:ln w="12700" cmpd="sng">
              <a:solidFill>
                <a:schemeClr val="accent1"/>
              </a:solidFill>
            </a:ln>
          </a:top>
          <a:bottom>
            <a:ln w="12700" cmpd="sng">
              <a:solidFill>
                <a:schemeClr val="accent1"/>
              </a:solidFill>
            </a:ln>
          </a:bottom>
          <a:insideH>
            <a:ln w="12700" cmpd="sng">
              <a:solidFill>
                <a:schemeClr val="accent1"/>
              </a:solidFill>
            </a:ln>
          </a:insideH>
          <a:insideV>
            <a:ln>
              <a:noFill/>
            </a:ln>
          </a:insideV>
        </a:tcBdr>
        <a:fill>
          <a:solidFill>
            <a:schemeClr val="lt1"/>
          </a:solidFill>
        </a:fill>
      </a:tcStyle>
    </a:wholeTbl>
    <a:band1H>
      <a:tcStyle>
        <a:tcBdr/>
        <a:fill>
          <a:solidFill>
            <a:schemeClr val="accent1">
              <a:tint val="20000"/>
            </a:schemeClr>
          </a:solidFill>
        </a:fill>
      </a:tcStyle>
    </a:band1H>
    <a:band1V>
      <a:tcStyle>
        <a:tcBdr/>
        <a:fill>
          <a:solidFill>
            <a:schemeClr val="accent1">
              <a:tint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1"/>
              </a:solidFill>
            </a:ln>
          </a:top>
        </a:tcBdr>
        <a:fill>
          <a:solidFill>
            <a:schemeClr val="lt1"/>
          </a:solidFill>
        </a:fill>
      </a:tcStyle>
    </a:lastRow>
    <a:firstRow>
      <a:tcTxStyle b="on">
        <a:fontRef idx="minor">
          <a:scrgbClr r="0" g="0" b="0"/>
        </a:fontRef>
        <a:schemeClr val="lt1"/>
      </a:tcTxStyle>
      <a:tcStyle>
        <a:tcBdr/>
        <a:fill>
          <a:solidFill>
            <a:schemeClr val="accent1"/>
          </a:solidFill>
        </a:fill>
      </a:tcStyle>
    </a:firstRow>
  </a:tblStyle>
  <a:tblStyle styleId="{E8B1032C-EA38-4F05-BA0D-38AFFFC7BED3}" styleName="浅色样式 3 - 强调 6">
    <a:wholeTbl>
      <a:tcTxStyle>
        <a:fontRef idx="minor">
          <a:scrgbClr r="0" g="0" b="0"/>
        </a:fontRef>
        <a:schemeClr val="tx1"/>
      </a:tcTxStyle>
      <a:tcStyle>
        <a:tcBdr>
          <a:left>
            <a:ln w="12700" cmpd="sng">
              <a:solidFill>
                <a:schemeClr val="accent6"/>
              </a:solidFill>
            </a:ln>
          </a:left>
          <a:right>
            <a:ln w="12700" cmpd="sng">
              <a:solidFill>
                <a:schemeClr val="accent6"/>
              </a:solidFill>
            </a:ln>
          </a:right>
          <a:top>
            <a:ln w="12700" cmpd="sng">
              <a:solidFill>
                <a:schemeClr val="accent6"/>
              </a:solidFill>
            </a:ln>
          </a:top>
          <a:bottom>
            <a:ln w="12700" cmpd="sng">
              <a:solidFill>
                <a:schemeClr val="accent6"/>
              </a:solidFill>
            </a:ln>
          </a:bottom>
          <a:insideH>
            <a:ln w="12700" cmpd="sng">
              <a:solidFill>
                <a:schemeClr val="accent6"/>
              </a:solidFill>
            </a:ln>
          </a:insideH>
          <a:insideV>
            <a:ln w="12700" cmpd="sng">
              <a:solidFill>
                <a:schemeClr val="accent6"/>
              </a:solidFill>
            </a:ln>
          </a:insideV>
        </a:tcBdr>
        <a:fill>
          <a:noFill/>
        </a:fill>
      </a:tcStyle>
    </a:wholeTbl>
    <a:band1H>
      <a:tcStyle>
        <a:tcBdr/>
        <a:fill>
          <a:solidFill>
            <a:schemeClr val="accent6">
              <a:alpha val="20000"/>
            </a:schemeClr>
          </a:solidFill>
        </a:fill>
      </a:tcStyle>
    </a:band1H>
    <a:band1V>
      <a:tcStyle>
        <a:tcBdr/>
        <a:fill>
          <a:solidFill>
            <a:schemeClr val="accent6">
              <a:alpha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6"/>
              </a:solidFill>
            </a:ln>
          </a:top>
        </a:tcBdr>
        <a:fill>
          <a:noFill/>
        </a:fill>
      </a:tcStyle>
    </a:lastRow>
    <a:firstRow>
      <a:tcTxStyle b="on"/>
      <a:tcStyle>
        <a:tcBdr>
          <a:bottom>
            <a:ln w="25400" cmpd="sng">
              <a:solidFill>
                <a:schemeClr val="accent6"/>
              </a:solidFill>
            </a:ln>
          </a:bottom>
        </a:tcBdr>
        <a:fill>
          <a:noFill/>
        </a:fill>
      </a:tcStyle>
    </a:firstRow>
  </a:tblStyle>
  <a:tblStyle styleId="{FABFCF23-3B69-468F-B69F-88F6DE6A72F2}" styleName="中度样式 1 - 强调 5">
    <a:wholeTbl>
      <a:tcTxStyle>
        <a:fontRef idx="minor">
          <a:scrgbClr r="0" g="0" b="0"/>
        </a:fontRef>
        <a:schemeClr val="dk1"/>
      </a:tcTxStyle>
      <a:tcStyle>
        <a:tcBdr>
          <a:left>
            <a:ln w="12700" cmpd="sng">
              <a:solidFill>
                <a:schemeClr val="accent5"/>
              </a:solidFill>
            </a:ln>
          </a:left>
          <a:right>
            <a:ln w="12700" cmpd="sng">
              <a:solidFill>
                <a:schemeClr val="accent5"/>
              </a:solidFill>
            </a:ln>
          </a:right>
          <a:top>
            <a:ln w="12700" cmpd="sng">
              <a:solidFill>
                <a:schemeClr val="accent5"/>
              </a:solidFill>
            </a:ln>
          </a:top>
          <a:bottom>
            <a:ln w="12700" cmpd="sng">
              <a:solidFill>
                <a:schemeClr val="accent5"/>
              </a:solidFill>
            </a:ln>
          </a:bottom>
          <a:insideH>
            <a:ln w="12700" cmpd="sng">
              <a:solidFill>
                <a:schemeClr val="accent5"/>
              </a:solidFill>
            </a:ln>
          </a:insideH>
          <a:insideV>
            <a:ln>
              <a:noFill/>
            </a:ln>
          </a:insideV>
        </a:tcBdr>
        <a:fill>
          <a:solidFill>
            <a:schemeClr val="lt1"/>
          </a:solidFill>
        </a:fill>
      </a:tcStyle>
    </a:wholeTbl>
    <a:band1H>
      <a:tcStyle>
        <a:tcBdr/>
        <a:fill>
          <a:solidFill>
            <a:schemeClr val="accent5">
              <a:tint val="20000"/>
            </a:schemeClr>
          </a:solidFill>
        </a:fill>
      </a:tcStyle>
    </a:band1H>
    <a:band1V>
      <a:tcStyle>
        <a:tcBdr/>
        <a:fill>
          <a:solidFill>
            <a:schemeClr val="accent5">
              <a:tint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5"/>
              </a:solidFill>
            </a:ln>
          </a:top>
        </a:tcBdr>
        <a:fill>
          <a:solidFill>
            <a:schemeClr val="lt1"/>
          </a:solidFill>
        </a:fill>
      </a:tcStyle>
    </a:lastRow>
    <a:firstRow>
      <a:tcTxStyle b="on">
        <a:fontRef idx="minor">
          <a:scrgbClr r="0" g="0" b="0"/>
        </a:fontRef>
        <a:schemeClr val="lt1"/>
      </a:tcTxStyle>
      <a:tcStyle>
        <a:tcBdr/>
        <a:fill>
          <a:solidFill>
            <a:schemeClr val="accent5"/>
          </a:solidFill>
        </a:fill>
      </a:tcStyle>
    </a:firstRow>
  </a:tblStyle>
  <a:tblStyle styleId="{5A111915-BE36-4E01-A7E5-04B1672EAD32}" styleName="浅色样式 2 - 强调 5">
    <a:wholeTbl>
      <a:tcTxStyle>
        <a:fontRef idx="minor">
          <a:scrgbClr r="0" g="0" b="0"/>
        </a:fontRef>
        <a:schemeClr val="tx1"/>
      </a:tcTxStyle>
      <a:tcStyle>
        <a:tcBdr>
          <a:left>
            <a:lnRef idx="1">
              <a:schemeClr val="accent5"/>
            </a:lnRef>
          </a:left>
          <a:right>
            <a:lnRef idx="1">
              <a:schemeClr val="accent5"/>
            </a:lnRef>
          </a:right>
          <a:top>
            <a:lnRef idx="1">
              <a:schemeClr val="accent5"/>
            </a:lnRef>
          </a:top>
          <a:bottom>
            <a:lnRef idx="1">
              <a:schemeClr val="accent5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>
          <a:top>
            <a:lnRef idx="1">
              <a:schemeClr val="accent5"/>
            </a:lnRef>
          </a:top>
          <a:bottom>
            <a:lnRef idx="1">
              <a:schemeClr val="accent5"/>
            </a:lnRef>
          </a:bottom>
        </a:tcBdr>
      </a:tcStyle>
    </a:band1H>
    <a:band1V>
      <a:tcStyle>
        <a:tcBdr>
          <a:left>
            <a:lnRef idx="1">
              <a:schemeClr val="accent5"/>
            </a:lnRef>
          </a:left>
          <a:right>
            <a:lnRef idx="1">
              <a:schemeClr val="accent5"/>
            </a:lnRef>
          </a:right>
        </a:tcBdr>
      </a:tcStyle>
    </a:band1V>
    <a:band2V>
      <a:tcStyle>
        <a:tcBdr>
          <a:left>
            <a:lnRef idx="1">
              <a:schemeClr val="accent5"/>
            </a:lnRef>
          </a:left>
          <a:right>
            <a:lnRef idx="1">
              <a:schemeClr val="accent5"/>
            </a:lnRef>
          </a:right>
        </a:tcBdr>
      </a:tcStyle>
    </a:band2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5"/>
              </a:solidFill>
            </a:ln>
          </a:top>
        </a:tcBdr>
      </a:tcStyle>
    </a:lastRow>
    <a:firstRow>
      <a:tcTxStyle b="on">
        <a:fontRef idx="minor">
          <a:scrgbClr r="0" g="0" b="0"/>
        </a:fontRef>
        <a:schemeClr val="bg1"/>
      </a:tcTxStyle>
      <a:tcStyle>
        <a:tcBdr/>
        <a:fillRef idx="1">
          <a:schemeClr val="accent5"/>
        </a:fillRef>
      </a:tcStyle>
    </a:firstRow>
  </a:tblStyle>
  <a:tblStyle styleId="{125E5076-3810-47DD-B79F-674D7AD40C01}" styleName="深色样式 1 - 强调 1">
    <a:wholeTbl>
      <a:tcTxStyle>
        <a:fontRef idx="minor">
          <a:scrgbClr r="0" g="0" b="0"/>
        </a:fontRef>
        <a:schemeClr val="lt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>
              <a:noFill/>
            </a:ln>
          </a:top>
          <a:bottom>
            <a:ln>
              <a:noFill/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solidFill>
            <a:schemeClr val="accent1"/>
          </a:solidFill>
        </a:fill>
      </a:tcStyle>
    </a:wholeTbl>
    <a:band1H>
      <a:tcStyle>
        <a:tcBdr/>
        <a:fill>
          <a:solidFill>
            <a:schemeClr val="accent1">
              <a:shade val="60000"/>
            </a:schemeClr>
          </a:solidFill>
        </a:fill>
      </a:tcStyle>
    </a:band1H>
    <a:band1V>
      <a:tcStyle>
        <a:tcBdr/>
        <a:fill>
          <a:solidFill>
            <a:schemeClr val="accent1">
              <a:shade val="60000"/>
            </a:schemeClr>
          </a:solidFill>
        </a:fill>
      </a:tcStyle>
    </a:band1V>
    <a:lastCol>
      <a:tcTxStyle b="on"/>
      <a:tcStyle>
        <a:tcBdr>
          <a:left>
            <a:ln w="25400" cmpd="sng">
              <a:solidFill>
                <a:schemeClr val="lt1"/>
              </a:solidFill>
            </a:ln>
          </a:left>
        </a:tcBdr>
        <a:fill>
          <a:solidFill>
            <a:schemeClr val="accent1">
              <a:shade val="60000"/>
            </a:schemeClr>
          </a:solidFill>
        </a:fill>
      </a:tcStyle>
    </a:lastCol>
    <a:firstCol>
      <a:tcTxStyle b="on"/>
      <a:tcStyle>
        <a:tcBdr>
          <a:right>
            <a:ln w="25400" cmpd="sng">
              <a:solidFill>
                <a:schemeClr val="lt1"/>
              </a:solidFill>
            </a:ln>
          </a:right>
        </a:tcBdr>
        <a:fill>
          <a:solidFill>
            <a:schemeClr val="accent1">
              <a:shade val="60000"/>
            </a:schemeClr>
          </a:solidFill>
        </a:fill>
      </a:tcStyle>
    </a:firstCol>
    <a:lastRow>
      <a:tcTxStyle b="on"/>
      <a:tcStyle>
        <a:tcBdr>
          <a:top>
            <a:ln w="25400" cmpd="sng">
              <a:solidFill>
                <a:schemeClr val="lt1"/>
              </a:solidFill>
            </a:ln>
          </a:top>
        </a:tcBdr>
        <a:fill>
          <a:solidFill>
            <a:schemeClr val="accent1">
              <a:shade val="40000"/>
            </a:schemeClr>
          </a:solidFill>
        </a:fill>
      </a:tcStyle>
    </a:lastRow>
    <a:seCell>
      <a:tcStyle>
        <a:tcBdr>
          <a:left>
            <a:ln>
              <a:noFill/>
            </a:ln>
          </a:left>
        </a:tcBdr>
      </a:tcStyle>
    </a:seCell>
    <a:swCell>
      <a:tcStyle>
        <a:tcBdr>
          <a:right>
            <a:ln>
              <a:noFill/>
            </a:ln>
          </a:right>
        </a:tcBdr>
      </a:tcStyle>
    </a:swCell>
    <a:firstRow>
      <a:tcTxStyle b="on"/>
      <a:tcStyle>
        <a:tcBdr>
          <a:bottom>
            <a:ln w="25400" cmpd="sng">
              <a:solidFill>
                <a:schemeClr val="lt1"/>
              </a:solidFill>
            </a:ln>
          </a:bottom>
        </a:tcBdr>
        <a:fill>
          <a:solidFill>
            <a:schemeClr val="dk1"/>
          </a:solidFill>
        </a:fill>
      </a:tcStyle>
    </a:firstRow>
    <a:neCell>
      <a:tcStyle>
        <a:tcBdr>
          <a:left>
            <a:ln>
              <a:noFill/>
            </a:ln>
          </a:left>
        </a:tcBdr>
      </a:tcStyle>
    </a:neCell>
    <a:nwCell>
      <a:tcStyle>
        <a:tcBdr>
          <a:right>
            <a:ln>
              <a:noFill/>
            </a:ln>
          </a:right>
        </a:tcBdr>
      </a:tcStyle>
    </a:nwCell>
  </a:tblStyle>
  <a:tblStyle styleId="{BDBED569-4797-4DF1-A0F4-6AAB3CD982D8}" styleName="浅色样式 3 - 强调 5">
    <a:wholeTbl>
      <a:tcTxStyle>
        <a:fontRef idx="minor">
          <a:scrgbClr r="0" g="0" b="0"/>
        </a:fontRef>
        <a:schemeClr val="tx1"/>
      </a:tcTxStyle>
      <a:tcStyle>
        <a:tcBdr>
          <a:left>
            <a:ln w="12700" cmpd="sng">
              <a:solidFill>
                <a:schemeClr val="accent5"/>
              </a:solidFill>
            </a:ln>
          </a:left>
          <a:right>
            <a:ln w="12700" cmpd="sng">
              <a:solidFill>
                <a:schemeClr val="accent5"/>
              </a:solidFill>
            </a:ln>
          </a:right>
          <a:top>
            <a:ln w="12700" cmpd="sng">
              <a:solidFill>
                <a:schemeClr val="accent5"/>
              </a:solidFill>
            </a:ln>
          </a:top>
          <a:bottom>
            <a:ln w="12700" cmpd="sng">
              <a:solidFill>
                <a:schemeClr val="accent5"/>
              </a:solidFill>
            </a:ln>
          </a:bottom>
          <a:insideH>
            <a:ln w="12700" cmpd="sng">
              <a:solidFill>
                <a:schemeClr val="accent5"/>
              </a:solidFill>
            </a:ln>
          </a:insideH>
          <a:insideV>
            <a:ln w="12700" cmpd="sng">
              <a:solidFill>
                <a:schemeClr val="accent5"/>
              </a:solidFill>
            </a:ln>
          </a:insideV>
        </a:tcBdr>
        <a:fill>
          <a:noFill/>
        </a:fill>
      </a:tcStyle>
    </a:wholeTbl>
    <a:band1H>
      <a:tcStyle>
        <a:tcBdr/>
        <a:fill>
          <a:solidFill>
            <a:schemeClr val="accent5">
              <a:alpha val="20000"/>
            </a:schemeClr>
          </a:solidFill>
        </a:fill>
      </a:tcStyle>
    </a:band1H>
    <a:band1V>
      <a:tcStyle>
        <a:tcBdr/>
        <a:fill>
          <a:solidFill>
            <a:schemeClr val="accent5">
              <a:alpha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5"/>
              </a:solidFill>
            </a:ln>
          </a:top>
        </a:tcBdr>
        <a:fill>
          <a:noFill/>
        </a:fill>
      </a:tcStyle>
    </a:lastRow>
    <a:firstRow>
      <a:tcTxStyle b="on"/>
      <a:tcStyle>
        <a:tcBdr>
          <a:bottom>
            <a:ln w="25400" cmpd="sng">
              <a:solidFill>
                <a:schemeClr val="accent5"/>
              </a:solidFill>
            </a:ln>
          </a:bottom>
        </a:tcBdr>
        <a:fill>
          <a:noFill/>
        </a:fill>
      </a:tcStyle>
    </a:firstRow>
  </a:tblStyle>
  <a:tblStyle styleId="{08FB837D-C827-4EFA-A057-4D05807E0F7C}" styleName="主题样式 1 - 强调 6">
    <a:tblBg>
      <a:fillRef idx="2">
        <a:schemeClr val="accent6"/>
      </a:fillRef>
      <a:effectRef idx="1">
        <a:schemeClr val="accent6"/>
      </a:effectRef>
    </a:tblBg>
    <a:wholeTbl>
      <a:tcTxStyle>
        <a:fontRef idx="minor">
          <a:scrgbClr r="0" g="0" b="0"/>
        </a:fontRef>
        <a:schemeClr val="dk1"/>
      </a:tcTxStyle>
      <a:tcStyle>
        <a:tcBdr>
          <a:left>
            <a:lnRef idx="1">
              <a:schemeClr val="accent6"/>
            </a:lnRef>
          </a:left>
          <a:right>
            <a:lnRef idx="1">
              <a:schemeClr val="accent6"/>
            </a:lnRef>
          </a:right>
          <a:top>
            <a:lnRef idx="1">
              <a:schemeClr val="accent6"/>
            </a:lnRef>
          </a:top>
          <a:bottom>
            <a:lnRef idx="1">
              <a:schemeClr val="accent6"/>
            </a:lnRef>
          </a:bottom>
          <a:insideH>
            <a:lnRef idx="1">
              <a:schemeClr val="accent6"/>
            </a:lnRef>
          </a:insideH>
          <a:insideV>
            <a:lnRef idx="1">
              <a:schemeClr val="accent6"/>
            </a:lnRef>
          </a:insideV>
        </a:tcBdr>
        <a:fill>
          <a:noFill/>
        </a:fill>
      </a:tcStyle>
    </a:wholeTbl>
    <a:band1H>
      <a:tcStyle>
        <a:tcBdr/>
        <a:fill>
          <a:solidFill>
            <a:schemeClr val="accent6">
              <a:alpha val="40000"/>
            </a:schemeClr>
          </a:solidFill>
        </a:fill>
      </a:tcStyle>
    </a:band1H>
    <a:band2H>
      <a:tcStyle>
        <a:tcBdr/>
      </a:tcStyle>
    </a:band2H>
    <a:band1V>
      <a:tcStyle>
        <a:tcBdr>
          <a:top>
            <a:lnRef idx="1">
              <a:schemeClr val="accent6"/>
            </a:lnRef>
          </a:top>
          <a:bottom>
            <a:lnRef idx="1">
              <a:schemeClr val="accent6"/>
            </a:lnRef>
          </a:bottom>
        </a:tcBdr>
        <a:fill>
          <a:solidFill>
            <a:schemeClr val="accent6">
              <a:alpha val="40000"/>
            </a:schemeClr>
          </a:solidFill>
        </a:fill>
      </a:tcStyle>
    </a:band1V>
    <a:band2V>
      <a:tcStyle>
        <a:tcBdr/>
      </a:tcStyle>
    </a:band2V>
    <a:lastCol>
      <a:tcTxStyle b="on"/>
      <a:tcStyle>
        <a:tcBdr>
          <a:left>
            <a:lnRef idx="2">
              <a:schemeClr val="accent6"/>
            </a:lnRef>
          </a:left>
          <a:right>
            <a:lnRef idx="1">
              <a:schemeClr val="accent6"/>
            </a:lnRef>
          </a:right>
          <a:top>
            <a:lnRef idx="1">
              <a:schemeClr val="accent6"/>
            </a:lnRef>
          </a:top>
          <a:bottom>
            <a:lnRef idx="1">
              <a:schemeClr val="accent6"/>
            </a:lnRef>
          </a:bottom>
          <a:insideH>
            <a:lnRef idx="1">
              <a:schemeClr val="accent6"/>
            </a:lnRef>
          </a:insideH>
          <a:insideV>
            <a:ln>
              <a:noFill/>
            </a:ln>
          </a:insideV>
        </a:tcBdr>
      </a:tcStyle>
    </a:lastCol>
    <a:firstCol>
      <a:tcTxStyle b="on"/>
      <a:tcStyle>
        <a:tcBdr>
          <a:left>
            <a:lnRef idx="1">
              <a:schemeClr val="accent6"/>
            </a:lnRef>
          </a:left>
          <a:right>
            <a:lnRef idx="2">
              <a:schemeClr val="accent6"/>
            </a:lnRef>
          </a:right>
          <a:top>
            <a:lnRef idx="1">
              <a:schemeClr val="accent6"/>
            </a:lnRef>
          </a:top>
          <a:bottom>
            <a:lnRef idx="1">
              <a:schemeClr val="accent6"/>
            </a:lnRef>
          </a:bottom>
          <a:insideH>
            <a:lnRef idx="1">
              <a:schemeClr val="accent6"/>
            </a:lnRef>
          </a:insideH>
          <a:insideV>
            <a:ln>
              <a:noFill/>
            </a:ln>
          </a:insideV>
        </a:tcBdr>
      </a:tcStyle>
    </a:firstCol>
    <a:lastRow>
      <a:tcTxStyle b="on"/>
      <a:tcStyle>
        <a:tcBdr>
          <a:left>
            <a:lnRef idx="1">
              <a:schemeClr val="accent6"/>
            </a:lnRef>
          </a:left>
          <a:right>
            <a:lnRef idx="1">
              <a:schemeClr val="accent6"/>
            </a:lnRef>
          </a:right>
          <a:top>
            <a:lnRef idx="2">
              <a:schemeClr val="accent6"/>
            </a:lnRef>
          </a:top>
          <a:bottom>
            <a:lnRef idx="2">
              <a:schemeClr val="accent6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lastRow>
    <a:firstRow>
      <a:tcTxStyle b="on">
        <a:fontRef idx="minor">
          <a:scrgbClr r="0" g="0" b="0"/>
        </a:fontRef>
        <a:schemeClr val="lt1"/>
      </a:tcTxStyle>
      <a:tcStyle>
        <a:tcBdr>
          <a:left>
            <a:lnRef idx="1">
              <a:schemeClr val="accent6"/>
            </a:lnRef>
          </a:left>
          <a:right>
            <a:lnRef idx="1">
              <a:schemeClr val="accent6"/>
            </a:lnRef>
          </a:right>
          <a:top>
            <a:lnRef idx="1">
              <a:schemeClr val="accent6"/>
            </a:lnRef>
          </a:top>
          <a:bottom>
            <a:lnRef idx="2">
              <a:schemeClr val="lt1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solidFill>
            <a:schemeClr val="accent6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11076" autoAdjust="0"/>
    <p:restoredTop sz="90844" autoAdjust="0"/>
  </p:normalViewPr>
  <p:slideViewPr>
    <p:cSldViewPr>
      <p:cViewPr varScale="1">
        <p:scale>
          <a:sx n="102" d="100"/>
          <a:sy n="102" d="100"/>
        </p:scale>
        <p:origin x="2148" y="108"/>
      </p:cViewPr>
      <p:guideLst>
        <p:guide orient="horz" pos="2160"/>
        <p:guide pos="2880"/>
      </p:guideLst>
    </p:cSldViewPr>
  </p:slideViewPr>
  <p:outlineViewPr>
    <p:cViewPr>
      <p:scale>
        <a:sx n="33" d="100"/>
        <a:sy n="33" d="100"/>
      </p:scale>
      <p:origin x="0" y="0"/>
    </p:cViewPr>
  </p:outlineViewPr>
  <p:notesTextViewPr>
    <p:cViewPr>
      <p:scale>
        <a:sx n="3" d="2"/>
        <a:sy n="3" d="2"/>
      </p:scale>
      <p:origin x="0" y="0"/>
    </p:cViewPr>
  </p:notesTextViewPr>
  <p:notesViewPr>
    <p:cSldViewPr>
      <p:cViewPr varScale="1">
        <p:scale>
          <a:sx n="87" d="100"/>
          <a:sy n="87" d="100"/>
        </p:scale>
        <p:origin x="3192" y="40"/>
      </p:cViewPr>
      <p:guideLst/>
    </p:cSldViewPr>
  </p:notes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handoutMaster" Target="handoutMasters/handoutMaster1.xml"/><Relationship Id="rId18" Type="http://schemas.openxmlformats.org/officeDocument/2006/relationships/tableStyles" Target="tableStyles.xml"/><Relationship Id="rId3" Type="http://schemas.openxmlformats.org/officeDocument/2006/relationships/slide" Target="slides/slide2.xml"/><Relationship Id="rId7" Type="http://schemas.openxmlformats.org/officeDocument/2006/relationships/slide" Target="slides/slide6.xml"/><Relationship Id="rId12" Type="http://schemas.openxmlformats.org/officeDocument/2006/relationships/notesMaster" Target="notesMasters/notesMaster1.xml"/><Relationship Id="rId17" Type="http://schemas.openxmlformats.org/officeDocument/2006/relationships/theme" Target="theme/theme1.xml"/><Relationship Id="rId2" Type="http://schemas.openxmlformats.org/officeDocument/2006/relationships/slide" Target="slides/slide1.xml"/><Relationship Id="rId16" Type="http://schemas.openxmlformats.org/officeDocument/2006/relationships/viewProps" Target="viewProps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5" Type="http://schemas.openxmlformats.org/officeDocument/2006/relationships/slide" Target="slides/slide4.xml"/><Relationship Id="rId15" Type="http://schemas.openxmlformats.org/officeDocument/2006/relationships/presProps" Target="presProps.xml"/><Relationship Id="rId10" Type="http://schemas.openxmlformats.org/officeDocument/2006/relationships/slide" Target="slides/slide9.xml"/><Relationship Id="rId19" Type="http://schemas.microsoft.com/office/2016/11/relationships/changesInfo" Target="changesInfos/changesInfo1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commentAuthors" Target="commentAuthors.xml"/></Relationships>
</file>

<file path=ppt/changesInfos/changesInfo1.xml><?xml version="1.0" encoding="utf-8"?>
<pc:chgInfo xmlns:a="http://schemas.openxmlformats.org/drawingml/2006/main" xmlns:r="http://schemas.openxmlformats.org/officeDocument/2006/relationships" xmlns:ac="http://schemas.microsoft.com/office/drawing/2013/main/command" xmlns:pc="http://schemas.microsoft.com/office/powerpoint/2013/main/command">
  <pc:docChgLst>
    <pc:chgData name="yechangqing" userId="9869b692-37df-47ec-97b9-0debc9dd442f" providerId="ADAL" clId="{60563886-0C93-4F26-92C8-5BE368EBE61B}"/>
    <pc:docChg chg="undo custSel addSld delSld modSld">
      <pc:chgData name="yechangqing" userId="9869b692-37df-47ec-97b9-0debc9dd442f" providerId="ADAL" clId="{60563886-0C93-4F26-92C8-5BE368EBE61B}" dt="2023-04-25T13:09:45.904" v="907" actId="108"/>
      <pc:docMkLst>
        <pc:docMk/>
      </pc:docMkLst>
      <pc:sldChg chg="modSp mod">
        <pc:chgData name="yechangqing" userId="9869b692-37df-47ec-97b9-0debc9dd442f" providerId="ADAL" clId="{60563886-0C93-4F26-92C8-5BE368EBE61B}" dt="2023-04-21T03:00:39.429" v="1" actId="20577"/>
        <pc:sldMkLst>
          <pc:docMk/>
          <pc:sldMk cId="0" sldId="258"/>
        </pc:sldMkLst>
        <pc:spChg chg="mod">
          <ac:chgData name="yechangqing" userId="9869b692-37df-47ec-97b9-0debc9dd442f" providerId="ADAL" clId="{60563886-0C93-4F26-92C8-5BE368EBE61B}" dt="2023-04-21T03:00:39.429" v="1" actId="20577"/>
          <ac:spMkLst>
            <pc:docMk/>
            <pc:sldMk cId="0" sldId="258"/>
            <ac:spMk id="3076" creationId="{E2B2CE97-30DD-4DCC-9817-F5778BBFDA7C}"/>
          </ac:spMkLst>
        </pc:spChg>
      </pc:sldChg>
      <pc:sldChg chg="modSp mod">
        <pc:chgData name="yechangqing" userId="9869b692-37df-47ec-97b9-0debc9dd442f" providerId="ADAL" clId="{60563886-0C93-4F26-92C8-5BE368EBE61B}" dt="2023-04-25T03:24:04.001" v="617" actId="20577"/>
        <pc:sldMkLst>
          <pc:docMk/>
          <pc:sldMk cId="2265891491" sldId="870"/>
        </pc:sldMkLst>
        <pc:spChg chg="mod">
          <ac:chgData name="yechangqing" userId="9869b692-37df-47ec-97b9-0debc9dd442f" providerId="ADAL" clId="{60563886-0C93-4F26-92C8-5BE368EBE61B}" dt="2023-04-25T03:24:04.001" v="617" actId="20577"/>
          <ac:spMkLst>
            <pc:docMk/>
            <pc:sldMk cId="2265891491" sldId="870"/>
            <ac:spMk id="4" creationId="{6DFC154B-EDF7-48AE-BFE0-59D76A176C29}"/>
          </ac:spMkLst>
        </pc:spChg>
      </pc:sldChg>
      <pc:sldChg chg="delSp modSp mod">
        <pc:chgData name="yechangqing" userId="9869b692-37df-47ec-97b9-0debc9dd442f" providerId="ADAL" clId="{60563886-0C93-4F26-92C8-5BE368EBE61B}" dt="2023-04-25T02:54:24.068" v="196" actId="1076"/>
        <pc:sldMkLst>
          <pc:docMk/>
          <pc:sldMk cId="3714872745" sldId="890"/>
        </pc:sldMkLst>
        <pc:spChg chg="mod">
          <ac:chgData name="yechangqing" userId="9869b692-37df-47ec-97b9-0debc9dd442f" providerId="ADAL" clId="{60563886-0C93-4F26-92C8-5BE368EBE61B}" dt="2023-04-25T02:54:03.581" v="183"/>
          <ac:spMkLst>
            <pc:docMk/>
            <pc:sldMk cId="3714872745" sldId="890"/>
            <ac:spMk id="3" creationId="{9E60B2D3-E95F-4D5C-ADF3-89A447711FBF}"/>
          </ac:spMkLst>
        </pc:spChg>
        <pc:spChg chg="mod">
          <ac:chgData name="yechangqing" userId="9869b692-37df-47ec-97b9-0debc9dd442f" providerId="ADAL" clId="{60563886-0C93-4F26-92C8-5BE368EBE61B}" dt="2023-04-25T02:54:09.049" v="187"/>
          <ac:spMkLst>
            <pc:docMk/>
            <pc:sldMk cId="3714872745" sldId="890"/>
            <ac:spMk id="4" creationId="{4E68054D-930C-48AF-A022-5701D777C50A}"/>
          </ac:spMkLst>
        </pc:spChg>
        <pc:spChg chg="mod">
          <ac:chgData name="yechangqing" userId="9869b692-37df-47ec-97b9-0debc9dd442f" providerId="ADAL" clId="{60563886-0C93-4F26-92C8-5BE368EBE61B}" dt="2023-04-25T02:54:12.774" v="190"/>
          <ac:spMkLst>
            <pc:docMk/>
            <pc:sldMk cId="3714872745" sldId="890"/>
            <ac:spMk id="7" creationId="{B04FC78E-C054-441A-8D32-F6348B418AD1}"/>
          </ac:spMkLst>
        </pc:spChg>
        <pc:spChg chg="del mod">
          <ac:chgData name="yechangqing" userId="9869b692-37df-47ec-97b9-0debc9dd442f" providerId="ADAL" clId="{60563886-0C93-4F26-92C8-5BE368EBE61B}" dt="2023-04-25T02:54:18.096" v="193" actId="478"/>
          <ac:spMkLst>
            <pc:docMk/>
            <pc:sldMk cId="3714872745" sldId="890"/>
            <ac:spMk id="13" creationId="{131AE9BC-6B46-4D8E-A1E1-C8133492F549}"/>
          </ac:spMkLst>
        </pc:spChg>
        <pc:picChg chg="del">
          <ac:chgData name="yechangqing" userId="9869b692-37df-47ec-97b9-0debc9dd442f" providerId="ADAL" clId="{60563886-0C93-4F26-92C8-5BE368EBE61B}" dt="2023-04-25T02:54:16.085" v="191" actId="478"/>
          <ac:picMkLst>
            <pc:docMk/>
            <pc:sldMk cId="3714872745" sldId="890"/>
            <ac:picMk id="11" creationId="{6285D800-9EAE-4D51-84BE-87DD9B89BCA1}"/>
          </ac:picMkLst>
        </pc:picChg>
        <pc:picChg chg="mod">
          <ac:chgData name="yechangqing" userId="9869b692-37df-47ec-97b9-0debc9dd442f" providerId="ADAL" clId="{60563886-0C93-4F26-92C8-5BE368EBE61B}" dt="2023-04-25T02:54:24.068" v="196" actId="1076"/>
          <ac:picMkLst>
            <pc:docMk/>
            <pc:sldMk cId="3714872745" sldId="890"/>
            <ac:picMk id="15" creationId="{B53FF41F-8B24-4EA8-97CF-F90213924528}"/>
          </ac:picMkLst>
        </pc:picChg>
      </pc:sldChg>
      <pc:sldChg chg="del">
        <pc:chgData name="yechangqing" userId="9869b692-37df-47ec-97b9-0debc9dd442f" providerId="ADAL" clId="{60563886-0C93-4F26-92C8-5BE368EBE61B}" dt="2023-04-25T03:24:28.440" v="623" actId="47"/>
        <pc:sldMkLst>
          <pc:docMk/>
          <pc:sldMk cId="3282104464" sldId="891"/>
        </pc:sldMkLst>
      </pc:sldChg>
      <pc:sldChg chg="del">
        <pc:chgData name="yechangqing" userId="9869b692-37df-47ec-97b9-0debc9dd442f" providerId="ADAL" clId="{60563886-0C93-4F26-92C8-5BE368EBE61B}" dt="2023-04-25T03:24:16.343" v="618" actId="47"/>
        <pc:sldMkLst>
          <pc:docMk/>
          <pc:sldMk cId="449673618" sldId="893"/>
        </pc:sldMkLst>
      </pc:sldChg>
      <pc:sldChg chg="del">
        <pc:chgData name="yechangqing" userId="9869b692-37df-47ec-97b9-0debc9dd442f" providerId="ADAL" clId="{60563886-0C93-4F26-92C8-5BE368EBE61B}" dt="2023-04-25T03:24:18.082" v="619" actId="47"/>
        <pc:sldMkLst>
          <pc:docMk/>
          <pc:sldMk cId="2003538341" sldId="895"/>
        </pc:sldMkLst>
      </pc:sldChg>
      <pc:sldChg chg="del">
        <pc:chgData name="yechangqing" userId="9869b692-37df-47ec-97b9-0debc9dd442f" providerId="ADAL" clId="{60563886-0C93-4F26-92C8-5BE368EBE61B}" dt="2023-04-25T03:24:25.039" v="622" actId="47"/>
        <pc:sldMkLst>
          <pc:docMk/>
          <pc:sldMk cId="2269501449" sldId="896"/>
        </pc:sldMkLst>
      </pc:sldChg>
      <pc:sldChg chg="del">
        <pc:chgData name="yechangqing" userId="9869b692-37df-47ec-97b9-0debc9dd442f" providerId="ADAL" clId="{60563886-0C93-4F26-92C8-5BE368EBE61B}" dt="2023-04-25T03:24:22.282" v="621" actId="47"/>
        <pc:sldMkLst>
          <pc:docMk/>
          <pc:sldMk cId="3186544967" sldId="897"/>
        </pc:sldMkLst>
      </pc:sldChg>
      <pc:sldChg chg="del">
        <pc:chgData name="yechangqing" userId="9869b692-37df-47ec-97b9-0debc9dd442f" providerId="ADAL" clId="{60563886-0C93-4F26-92C8-5BE368EBE61B}" dt="2023-04-25T05:50:38.570" v="634" actId="47"/>
        <pc:sldMkLst>
          <pc:docMk/>
          <pc:sldMk cId="3081127318" sldId="898"/>
        </pc:sldMkLst>
      </pc:sldChg>
      <pc:sldChg chg="del">
        <pc:chgData name="yechangqing" userId="9869b692-37df-47ec-97b9-0debc9dd442f" providerId="ADAL" clId="{60563886-0C93-4F26-92C8-5BE368EBE61B}" dt="2023-04-25T05:50:59.635" v="635" actId="47"/>
        <pc:sldMkLst>
          <pc:docMk/>
          <pc:sldMk cId="320458267" sldId="899"/>
        </pc:sldMkLst>
      </pc:sldChg>
      <pc:sldChg chg="del">
        <pc:chgData name="yechangqing" userId="9869b692-37df-47ec-97b9-0debc9dd442f" providerId="ADAL" clId="{60563886-0C93-4F26-92C8-5BE368EBE61B}" dt="2023-04-25T05:51:03.804" v="637" actId="47"/>
        <pc:sldMkLst>
          <pc:docMk/>
          <pc:sldMk cId="1264078796" sldId="900"/>
        </pc:sldMkLst>
      </pc:sldChg>
      <pc:sldChg chg="del">
        <pc:chgData name="yechangqing" userId="9869b692-37df-47ec-97b9-0debc9dd442f" providerId="ADAL" clId="{60563886-0C93-4F26-92C8-5BE368EBE61B}" dt="2023-04-25T03:24:20.733" v="620" actId="47"/>
        <pc:sldMkLst>
          <pc:docMk/>
          <pc:sldMk cId="4131570786" sldId="901"/>
        </pc:sldMkLst>
      </pc:sldChg>
      <pc:sldChg chg="del">
        <pc:chgData name="yechangqing" userId="9869b692-37df-47ec-97b9-0debc9dd442f" providerId="ADAL" clId="{60563886-0C93-4F26-92C8-5BE368EBE61B}" dt="2023-04-25T05:51:00.931" v="636" actId="47"/>
        <pc:sldMkLst>
          <pc:docMk/>
          <pc:sldMk cId="2981731294" sldId="902"/>
        </pc:sldMkLst>
      </pc:sldChg>
      <pc:sldChg chg="del">
        <pc:chgData name="yechangqing" userId="9869b692-37df-47ec-97b9-0debc9dd442f" providerId="ADAL" clId="{60563886-0C93-4F26-92C8-5BE368EBE61B}" dt="2023-04-25T05:51:06.242" v="639" actId="47"/>
        <pc:sldMkLst>
          <pc:docMk/>
          <pc:sldMk cId="3656981185" sldId="903"/>
        </pc:sldMkLst>
      </pc:sldChg>
      <pc:sldChg chg="del">
        <pc:chgData name="yechangqing" userId="9869b692-37df-47ec-97b9-0debc9dd442f" providerId="ADAL" clId="{60563886-0C93-4F26-92C8-5BE368EBE61B}" dt="2023-04-25T05:51:07.689" v="640" actId="47"/>
        <pc:sldMkLst>
          <pc:docMk/>
          <pc:sldMk cId="2205862068" sldId="904"/>
        </pc:sldMkLst>
      </pc:sldChg>
      <pc:sldChg chg="del">
        <pc:chgData name="yechangqing" userId="9869b692-37df-47ec-97b9-0debc9dd442f" providerId="ADAL" clId="{60563886-0C93-4F26-92C8-5BE368EBE61B}" dt="2023-04-25T05:51:13.605" v="641" actId="47"/>
        <pc:sldMkLst>
          <pc:docMk/>
          <pc:sldMk cId="3474005615" sldId="905"/>
        </pc:sldMkLst>
      </pc:sldChg>
      <pc:sldChg chg="del">
        <pc:chgData name="yechangqing" userId="9869b692-37df-47ec-97b9-0debc9dd442f" providerId="ADAL" clId="{60563886-0C93-4F26-92C8-5BE368EBE61B}" dt="2023-04-25T05:51:16.503" v="642" actId="47"/>
        <pc:sldMkLst>
          <pc:docMk/>
          <pc:sldMk cId="375530592" sldId="906"/>
        </pc:sldMkLst>
      </pc:sldChg>
      <pc:sldChg chg="del">
        <pc:chgData name="yechangqing" userId="9869b692-37df-47ec-97b9-0debc9dd442f" providerId="ADAL" clId="{60563886-0C93-4F26-92C8-5BE368EBE61B}" dt="2023-04-25T05:51:05.046" v="638" actId="47"/>
        <pc:sldMkLst>
          <pc:docMk/>
          <pc:sldMk cId="2042319463" sldId="907"/>
        </pc:sldMkLst>
      </pc:sldChg>
      <pc:sldChg chg="del">
        <pc:chgData name="yechangqing" userId="9869b692-37df-47ec-97b9-0debc9dd442f" providerId="ADAL" clId="{60563886-0C93-4F26-92C8-5BE368EBE61B}" dt="2023-04-25T05:51:33.689" v="645" actId="47"/>
        <pc:sldMkLst>
          <pc:docMk/>
          <pc:sldMk cId="1123058633" sldId="908"/>
        </pc:sldMkLst>
      </pc:sldChg>
      <pc:sldChg chg="modSp mod">
        <pc:chgData name="yechangqing" userId="9869b692-37df-47ec-97b9-0debc9dd442f" providerId="ADAL" clId="{60563886-0C93-4F26-92C8-5BE368EBE61B}" dt="2023-04-25T06:12:29.954" v="680" actId="1076"/>
        <pc:sldMkLst>
          <pc:docMk/>
          <pc:sldMk cId="1639516676" sldId="909"/>
        </pc:sldMkLst>
        <pc:spChg chg="mod">
          <ac:chgData name="yechangqing" userId="9869b692-37df-47ec-97b9-0debc9dd442f" providerId="ADAL" clId="{60563886-0C93-4F26-92C8-5BE368EBE61B}" dt="2023-04-25T06:12:15.085" v="674" actId="20577"/>
          <ac:spMkLst>
            <pc:docMk/>
            <pc:sldMk cId="1639516676" sldId="909"/>
            <ac:spMk id="4" creationId="{0065E9FA-861F-46EC-A98B-D6AF42661B82}"/>
          </ac:spMkLst>
        </pc:spChg>
        <pc:picChg chg="mod">
          <ac:chgData name="yechangqing" userId="9869b692-37df-47ec-97b9-0debc9dd442f" providerId="ADAL" clId="{60563886-0C93-4F26-92C8-5BE368EBE61B}" dt="2023-04-25T06:12:29.954" v="680" actId="1076"/>
          <ac:picMkLst>
            <pc:docMk/>
            <pc:sldMk cId="1639516676" sldId="909"/>
            <ac:picMk id="6" creationId="{E756E0DF-9453-469F-B2A4-76FAEDB9FC91}"/>
          </ac:picMkLst>
        </pc:picChg>
      </pc:sldChg>
      <pc:sldChg chg="del">
        <pc:chgData name="yechangqing" userId="9869b692-37df-47ec-97b9-0debc9dd442f" providerId="ADAL" clId="{60563886-0C93-4F26-92C8-5BE368EBE61B}" dt="2023-04-25T05:52:09.346" v="647" actId="47"/>
        <pc:sldMkLst>
          <pc:docMk/>
          <pc:sldMk cId="1825993768" sldId="910"/>
        </pc:sldMkLst>
      </pc:sldChg>
      <pc:sldChg chg="del">
        <pc:chgData name="yechangqing" userId="9869b692-37df-47ec-97b9-0debc9dd442f" providerId="ADAL" clId="{60563886-0C93-4F26-92C8-5BE368EBE61B}" dt="2023-04-25T05:52:08.702" v="646" actId="47"/>
        <pc:sldMkLst>
          <pc:docMk/>
          <pc:sldMk cId="1309958032" sldId="912"/>
        </pc:sldMkLst>
      </pc:sldChg>
      <pc:sldChg chg="del">
        <pc:chgData name="yechangqing" userId="9869b692-37df-47ec-97b9-0debc9dd442f" providerId="ADAL" clId="{60563886-0C93-4F26-92C8-5BE368EBE61B}" dt="2023-04-25T02:55:15.850" v="198" actId="47"/>
        <pc:sldMkLst>
          <pc:docMk/>
          <pc:sldMk cId="3677955770" sldId="913"/>
        </pc:sldMkLst>
      </pc:sldChg>
      <pc:sldChg chg="del">
        <pc:chgData name="yechangqing" userId="9869b692-37df-47ec-97b9-0debc9dd442f" providerId="ADAL" clId="{60563886-0C93-4F26-92C8-5BE368EBE61B}" dt="2023-04-25T05:51:17.580" v="643" actId="47"/>
        <pc:sldMkLst>
          <pc:docMk/>
          <pc:sldMk cId="2389198948" sldId="914"/>
        </pc:sldMkLst>
      </pc:sldChg>
      <pc:sldChg chg="addSp delSp modSp new mod">
        <pc:chgData name="yechangqing" userId="9869b692-37df-47ec-97b9-0debc9dd442f" providerId="ADAL" clId="{60563886-0C93-4F26-92C8-5BE368EBE61B}" dt="2023-04-25T02:49:22.749" v="177" actId="207"/>
        <pc:sldMkLst>
          <pc:docMk/>
          <pc:sldMk cId="2736979786" sldId="915"/>
        </pc:sldMkLst>
        <pc:spChg chg="mod">
          <ac:chgData name="yechangqing" userId="9869b692-37df-47ec-97b9-0debc9dd442f" providerId="ADAL" clId="{60563886-0C93-4F26-92C8-5BE368EBE61B}" dt="2023-04-25T02:18:18.536" v="36"/>
          <ac:spMkLst>
            <pc:docMk/>
            <pc:sldMk cId="2736979786" sldId="915"/>
            <ac:spMk id="3" creationId="{6A232C5C-0740-488C-8269-76B4F2EC88AA}"/>
          </ac:spMkLst>
        </pc:spChg>
        <pc:spChg chg="add del">
          <ac:chgData name="yechangqing" userId="9869b692-37df-47ec-97b9-0debc9dd442f" providerId="ADAL" clId="{60563886-0C93-4F26-92C8-5BE368EBE61B}" dt="2023-04-25T02:20:49.892" v="38" actId="22"/>
          <ac:spMkLst>
            <pc:docMk/>
            <pc:sldMk cId="2736979786" sldId="915"/>
            <ac:spMk id="5" creationId="{F9092F4F-530C-4080-9F48-7C584E56D278}"/>
          </ac:spMkLst>
        </pc:spChg>
        <pc:spChg chg="add mod">
          <ac:chgData name="yechangqing" userId="9869b692-37df-47ec-97b9-0debc9dd442f" providerId="ADAL" clId="{60563886-0C93-4F26-92C8-5BE368EBE61B}" dt="2023-04-25T02:49:22.749" v="177" actId="207"/>
          <ac:spMkLst>
            <pc:docMk/>
            <pc:sldMk cId="2736979786" sldId="915"/>
            <ac:spMk id="7" creationId="{DBB353C4-01EA-4071-989E-2B0FB7D31634}"/>
          </ac:spMkLst>
        </pc:spChg>
        <pc:spChg chg="add mod">
          <ac:chgData name="yechangqing" userId="9869b692-37df-47ec-97b9-0debc9dd442f" providerId="ADAL" clId="{60563886-0C93-4F26-92C8-5BE368EBE61B}" dt="2023-04-25T02:36:28.043" v="126" actId="20577"/>
          <ac:spMkLst>
            <pc:docMk/>
            <pc:sldMk cId="2736979786" sldId="915"/>
            <ac:spMk id="12" creationId="{437872D0-8AD0-4C6E-A6C3-B47C845BA435}"/>
          </ac:spMkLst>
        </pc:spChg>
        <pc:spChg chg="add del mod">
          <ac:chgData name="yechangqing" userId="9869b692-37df-47ec-97b9-0debc9dd442f" providerId="ADAL" clId="{60563886-0C93-4F26-92C8-5BE368EBE61B}" dt="2023-04-25T02:34:51.880" v="104"/>
          <ac:spMkLst>
            <pc:docMk/>
            <pc:sldMk cId="2736979786" sldId="915"/>
            <ac:spMk id="13" creationId="{CD15F88F-7BC6-4A82-9DE4-523160C53459}"/>
          </ac:spMkLst>
        </pc:spChg>
        <pc:picChg chg="add mod">
          <ac:chgData name="yechangqing" userId="9869b692-37df-47ec-97b9-0debc9dd442f" providerId="ADAL" clId="{60563886-0C93-4F26-92C8-5BE368EBE61B}" dt="2023-04-25T02:27:38.490" v="72" actId="1035"/>
          <ac:picMkLst>
            <pc:docMk/>
            <pc:sldMk cId="2736979786" sldId="915"/>
            <ac:picMk id="9" creationId="{0A5B0696-8612-434B-8559-5B0B7B80D3AC}"/>
          </ac:picMkLst>
        </pc:picChg>
        <pc:picChg chg="add mod">
          <ac:chgData name="yechangqing" userId="9869b692-37df-47ec-97b9-0debc9dd442f" providerId="ADAL" clId="{60563886-0C93-4F26-92C8-5BE368EBE61B}" dt="2023-04-25T02:29:35.942" v="75" actId="14100"/>
          <ac:picMkLst>
            <pc:docMk/>
            <pc:sldMk cId="2736979786" sldId="915"/>
            <ac:picMk id="11" creationId="{09977F12-6B98-40C9-A0E9-F74065A437C8}"/>
          </ac:picMkLst>
        </pc:picChg>
      </pc:sldChg>
      <pc:sldChg chg="addSp modSp new mod">
        <pc:chgData name="yechangqing" userId="9869b692-37df-47ec-97b9-0debc9dd442f" providerId="ADAL" clId="{60563886-0C93-4F26-92C8-5BE368EBE61B}" dt="2023-04-25T02:37:18.696" v="132" actId="20577"/>
        <pc:sldMkLst>
          <pc:docMk/>
          <pc:sldMk cId="2555420982" sldId="916"/>
        </pc:sldMkLst>
        <pc:spChg chg="mod">
          <ac:chgData name="yechangqing" userId="9869b692-37df-47ec-97b9-0debc9dd442f" providerId="ADAL" clId="{60563886-0C93-4F26-92C8-5BE368EBE61B}" dt="2023-04-25T02:37:18.696" v="132" actId="20577"/>
          <ac:spMkLst>
            <pc:docMk/>
            <pc:sldMk cId="2555420982" sldId="916"/>
            <ac:spMk id="3" creationId="{7CF858BE-DAD0-4A5B-96A4-E1841A047F35}"/>
          </ac:spMkLst>
        </pc:spChg>
        <pc:picChg chg="add mod">
          <ac:chgData name="yechangqing" userId="9869b692-37df-47ec-97b9-0debc9dd442f" providerId="ADAL" clId="{60563886-0C93-4F26-92C8-5BE368EBE61B}" dt="2023-04-25T02:36:58.301" v="130" actId="1076"/>
          <ac:picMkLst>
            <pc:docMk/>
            <pc:sldMk cId="2555420982" sldId="916"/>
            <ac:picMk id="4" creationId="{40E1154F-EAE1-49E8-AFC8-06BC147317AB}"/>
          </ac:picMkLst>
        </pc:picChg>
      </pc:sldChg>
      <pc:sldChg chg="addSp modSp new mod">
        <pc:chgData name="yechangqing" userId="9869b692-37df-47ec-97b9-0debc9dd442f" providerId="ADAL" clId="{60563886-0C93-4F26-92C8-5BE368EBE61B}" dt="2023-04-25T02:54:45.471" v="197" actId="1076"/>
        <pc:sldMkLst>
          <pc:docMk/>
          <pc:sldMk cId="1057531112" sldId="917"/>
        </pc:sldMkLst>
        <pc:spChg chg="mod">
          <ac:chgData name="yechangqing" userId="9869b692-37df-47ec-97b9-0debc9dd442f" providerId="ADAL" clId="{60563886-0C93-4F26-92C8-5BE368EBE61B}" dt="2023-04-25T02:37:46.165" v="158" actId="27636"/>
          <ac:spMkLst>
            <pc:docMk/>
            <pc:sldMk cId="1057531112" sldId="917"/>
            <ac:spMk id="3" creationId="{D95AFAB5-AB67-4FE9-99D3-FC33639C34E3}"/>
          </ac:spMkLst>
        </pc:spChg>
        <pc:spChg chg="add mod">
          <ac:chgData name="yechangqing" userId="9869b692-37df-47ec-97b9-0debc9dd442f" providerId="ADAL" clId="{60563886-0C93-4F26-92C8-5BE368EBE61B}" dt="2023-04-25T02:54:45.471" v="197" actId="1076"/>
          <ac:spMkLst>
            <pc:docMk/>
            <pc:sldMk cId="1057531112" sldId="917"/>
            <ac:spMk id="5" creationId="{EE8A3D01-0EAF-43AC-96FC-D54A23B91616}"/>
          </ac:spMkLst>
        </pc:spChg>
        <pc:picChg chg="add mod">
          <ac:chgData name="yechangqing" userId="9869b692-37df-47ec-97b9-0debc9dd442f" providerId="ADAL" clId="{60563886-0C93-4F26-92C8-5BE368EBE61B}" dt="2023-04-25T02:41:40.647" v="176" actId="1076"/>
          <ac:picMkLst>
            <pc:docMk/>
            <pc:sldMk cId="1057531112" sldId="917"/>
            <ac:picMk id="7" creationId="{B18DED27-A031-4C07-BF03-729BEA76E8F5}"/>
          </ac:picMkLst>
        </pc:picChg>
      </pc:sldChg>
      <pc:sldChg chg="addSp modSp new mod">
        <pc:chgData name="yechangqing" userId="9869b692-37df-47ec-97b9-0debc9dd442f" providerId="ADAL" clId="{60563886-0C93-4F26-92C8-5BE368EBE61B}" dt="2023-04-25T08:46:28.700" v="887" actId="1076"/>
        <pc:sldMkLst>
          <pc:docMk/>
          <pc:sldMk cId="775263828" sldId="918"/>
        </pc:sldMkLst>
        <pc:spChg chg="mod">
          <ac:chgData name="yechangqing" userId="9869b692-37df-47ec-97b9-0debc9dd442f" providerId="ADAL" clId="{60563886-0C93-4F26-92C8-5BE368EBE61B}" dt="2023-04-25T02:55:20.382" v="201"/>
          <ac:spMkLst>
            <pc:docMk/>
            <pc:sldMk cId="775263828" sldId="918"/>
            <ac:spMk id="3" creationId="{A104D6CA-6D7D-4C4E-BF0C-3E1D7BAD3B4A}"/>
          </ac:spMkLst>
        </pc:spChg>
        <pc:spChg chg="add mod">
          <ac:chgData name="yechangqing" userId="9869b692-37df-47ec-97b9-0debc9dd442f" providerId="ADAL" clId="{60563886-0C93-4F26-92C8-5BE368EBE61B}" dt="2023-04-25T06:25:41.621" v="716" actId="20577"/>
          <ac:spMkLst>
            <pc:docMk/>
            <pc:sldMk cId="775263828" sldId="918"/>
            <ac:spMk id="4" creationId="{496C8C27-9880-4B69-885F-FE6468E7AF5E}"/>
          </ac:spMkLst>
        </pc:spChg>
        <pc:picChg chg="add mod">
          <ac:chgData name="yechangqing" userId="9869b692-37df-47ec-97b9-0debc9dd442f" providerId="ADAL" clId="{60563886-0C93-4F26-92C8-5BE368EBE61B}" dt="2023-04-25T06:28:12.104" v="722" actId="1076"/>
          <ac:picMkLst>
            <pc:docMk/>
            <pc:sldMk cId="775263828" sldId="918"/>
            <ac:picMk id="6" creationId="{8FE988AF-D8F0-428B-947E-123448490ED7}"/>
          </ac:picMkLst>
        </pc:picChg>
        <pc:picChg chg="add mod">
          <ac:chgData name="yechangqing" userId="9869b692-37df-47ec-97b9-0debc9dd442f" providerId="ADAL" clId="{60563886-0C93-4F26-92C8-5BE368EBE61B}" dt="2023-04-25T08:46:28.700" v="887" actId="1076"/>
          <ac:picMkLst>
            <pc:docMk/>
            <pc:sldMk cId="775263828" sldId="918"/>
            <ac:picMk id="7" creationId="{68F91B0D-744D-4D01-B996-0332A9C982EB}"/>
          </ac:picMkLst>
        </pc:picChg>
      </pc:sldChg>
      <pc:sldChg chg="add">
        <pc:chgData name="yechangqing" userId="9869b692-37df-47ec-97b9-0debc9dd442f" providerId="ADAL" clId="{60563886-0C93-4F26-92C8-5BE368EBE61B}" dt="2023-04-25T05:51:31.705" v="644"/>
        <pc:sldMkLst>
          <pc:docMk/>
          <pc:sldMk cId="1151028596" sldId="919"/>
        </pc:sldMkLst>
      </pc:sldChg>
      <pc:sldChg chg="addSp delSp modSp new mod">
        <pc:chgData name="yechangqing" userId="9869b692-37df-47ec-97b9-0debc9dd442f" providerId="ADAL" clId="{60563886-0C93-4F26-92C8-5BE368EBE61B}" dt="2023-04-25T13:05:51.037" v="898"/>
        <pc:sldMkLst>
          <pc:docMk/>
          <pc:sldMk cId="3131185540" sldId="920"/>
        </pc:sldMkLst>
        <pc:spChg chg="mod">
          <ac:chgData name="yechangqing" userId="9869b692-37df-47ec-97b9-0debc9dd442f" providerId="ADAL" clId="{60563886-0C93-4F26-92C8-5BE368EBE61B}" dt="2023-04-25T07:08:43.420" v="739"/>
          <ac:spMkLst>
            <pc:docMk/>
            <pc:sldMk cId="3131185540" sldId="920"/>
            <ac:spMk id="3" creationId="{A1E6BD4A-9224-46FE-98C6-AF7FAEAB523E}"/>
          </ac:spMkLst>
        </pc:spChg>
        <pc:spChg chg="add mod">
          <ac:chgData name="yechangqing" userId="9869b692-37df-47ec-97b9-0debc9dd442f" providerId="ADAL" clId="{60563886-0C93-4F26-92C8-5BE368EBE61B}" dt="2023-04-25T08:13:40.847" v="861" actId="20577"/>
          <ac:spMkLst>
            <pc:docMk/>
            <pc:sldMk cId="3131185540" sldId="920"/>
            <ac:spMk id="4" creationId="{94F5E5B9-9E9C-47C8-9575-308B01FE0BEB}"/>
          </ac:spMkLst>
        </pc:spChg>
        <pc:spChg chg="add mod">
          <ac:chgData name="yechangqing" userId="9869b692-37df-47ec-97b9-0debc9dd442f" providerId="ADAL" clId="{60563886-0C93-4F26-92C8-5BE368EBE61B}" dt="2023-04-25T13:03:03.868" v="889"/>
          <ac:spMkLst>
            <pc:docMk/>
            <pc:sldMk cId="3131185540" sldId="920"/>
            <ac:spMk id="7" creationId="{9826B422-5F68-491D-9F92-DB52427C7722}"/>
          </ac:spMkLst>
        </pc:spChg>
        <pc:spChg chg="add del">
          <ac:chgData name="yechangqing" userId="9869b692-37df-47ec-97b9-0debc9dd442f" providerId="ADAL" clId="{60563886-0C93-4F26-92C8-5BE368EBE61B}" dt="2023-04-25T08:43:01.930" v="869"/>
          <ac:spMkLst>
            <pc:docMk/>
            <pc:sldMk cId="3131185540" sldId="920"/>
            <ac:spMk id="9" creationId="{0CAE149E-CA95-40B5-945C-A7D707081048}"/>
          </ac:spMkLst>
        </pc:spChg>
        <pc:graphicFrameChg chg="add del mod">
          <ac:chgData name="yechangqing" userId="9869b692-37df-47ec-97b9-0debc9dd442f" providerId="ADAL" clId="{60563886-0C93-4F26-92C8-5BE368EBE61B}" dt="2023-04-25T07:08:04.369" v="725"/>
          <ac:graphicFrameMkLst>
            <pc:docMk/>
            <pc:sldMk cId="3131185540" sldId="920"/>
            <ac:graphicFrameMk id="5" creationId="{477FEE6C-6423-49EB-824B-8A8EA597E315}"/>
          </ac:graphicFrameMkLst>
        </pc:graphicFrameChg>
        <pc:graphicFrameChg chg="add mod modGraphic">
          <ac:chgData name="yechangqing" userId="9869b692-37df-47ec-97b9-0debc9dd442f" providerId="ADAL" clId="{60563886-0C93-4F26-92C8-5BE368EBE61B}" dt="2023-04-25T13:05:39.632" v="893"/>
          <ac:graphicFrameMkLst>
            <pc:docMk/>
            <pc:sldMk cId="3131185540" sldId="920"/>
            <ac:graphicFrameMk id="6" creationId="{E7DB2680-37C9-4CF7-9E50-D97B3C4A9DD3}"/>
          </ac:graphicFrameMkLst>
        </pc:graphicFrameChg>
        <pc:graphicFrameChg chg="add mod modGraphic">
          <ac:chgData name="yechangqing" userId="9869b692-37df-47ec-97b9-0debc9dd442f" providerId="ADAL" clId="{60563886-0C93-4F26-92C8-5BE368EBE61B}" dt="2023-04-25T13:05:51.037" v="898"/>
          <ac:graphicFrameMkLst>
            <pc:docMk/>
            <pc:sldMk cId="3131185540" sldId="920"/>
            <ac:graphicFrameMk id="8" creationId="{7409E038-0A8D-488E-B3A4-EF7809A0B8F8}"/>
          </ac:graphicFrameMkLst>
        </pc:graphicFrameChg>
      </pc:sldChg>
      <pc:sldChg chg="addSp modSp new mod">
        <pc:chgData name="yechangqing" userId="9869b692-37df-47ec-97b9-0debc9dd442f" providerId="ADAL" clId="{60563886-0C93-4F26-92C8-5BE368EBE61B}" dt="2023-04-25T13:09:45.904" v="907" actId="108"/>
        <pc:sldMkLst>
          <pc:docMk/>
          <pc:sldMk cId="3034418301" sldId="921"/>
        </pc:sldMkLst>
        <pc:spChg chg="mod">
          <ac:chgData name="yechangqing" userId="9869b692-37df-47ec-97b9-0debc9dd442f" providerId="ADAL" clId="{60563886-0C93-4F26-92C8-5BE368EBE61B}" dt="2023-04-25T07:13:27.642" v="840"/>
          <ac:spMkLst>
            <pc:docMk/>
            <pc:sldMk cId="3034418301" sldId="921"/>
            <ac:spMk id="3" creationId="{68163294-B0B4-436F-902F-0E4D1DFFCC67}"/>
          </ac:spMkLst>
        </pc:spChg>
        <pc:spChg chg="add mod">
          <ac:chgData name="yechangqing" userId="9869b692-37df-47ec-97b9-0debc9dd442f" providerId="ADAL" clId="{60563886-0C93-4F26-92C8-5BE368EBE61B}" dt="2023-04-25T08:13:43.017" v="862" actId="20577"/>
          <ac:spMkLst>
            <pc:docMk/>
            <pc:sldMk cId="3034418301" sldId="921"/>
            <ac:spMk id="4" creationId="{C5E58973-0FEF-46E5-B9B6-158E70E32731}"/>
          </ac:spMkLst>
        </pc:spChg>
        <pc:graphicFrameChg chg="add mod modGraphic">
          <ac:chgData name="yechangqing" userId="9869b692-37df-47ec-97b9-0debc9dd442f" providerId="ADAL" clId="{60563886-0C93-4F26-92C8-5BE368EBE61B}" dt="2023-04-25T13:09:45.904" v="907" actId="108"/>
          <ac:graphicFrameMkLst>
            <pc:docMk/>
            <pc:sldMk cId="3034418301" sldId="921"/>
            <ac:graphicFrameMk id="5" creationId="{FC5930A1-A1AE-4C4F-A0CA-0A5A3F0D9CDF}"/>
          </ac:graphicFrameMkLst>
        </pc:graphicFrameChg>
      </pc:sldChg>
    </pc:docChg>
  </pc:docChgLst>
  <pc:docChgLst>
    <pc:chgData name="yechangqing" userId="9869b692-37df-47ec-97b9-0debc9dd442f" providerId="ADAL" clId="{51C1CCAC-8E0B-43A3-B2F7-A7C07AE05ED3}"/>
    <pc:docChg chg="undo custSel delSld modSld">
      <pc:chgData name="yechangqing" userId="9869b692-37df-47ec-97b9-0debc9dd442f" providerId="ADAL" clId="{51C1CCAC-8E0B-43A3-B2F7-A7C07AE05ED3}" dt="2023-08-28T12:14:33.794" v="260"/>
      <pc:docMkLst>
        <pc:docMk/>
      </pc:docMkLst>
      <pc:sldChg chg="modSp mod">
        <pc:chgData name="yechangqing" userId="9869b692-37df-47ec-97b9-0debc9dd442f" providerId="ADAL" clId="{51C1CCAC-8E0B-43A3-B2F7-A7C07AE05ED3}" dt="2023-08-28T11:17:40.472" v="1" actId="20577"/>
        <pc:sldMkLst>
          <pc:docMk/>
          <pc:sldMk cId="0" sldId="258"/>
        </pc:sldMkLst>
        <pc:spChg chg="mod">
          <ac:chgData name="yechangqing" userId="9869b692-37df-47ec-97b9-0debc9dd442f" providerId="ADAL" clId="{51C1CCAC-8E0B-43A3-B2F7-A7C07AE05ED3}" dt="2023-08-28T11:17:40.472" v="1" actId="20577"/>
          <ac:spMkLst>
            <pc:docMk/>
            <pc:sldMk cId="0" sldId="258"/>
            <ac:spMk id="3076" creationId="{E2B2CE97-30DD-4DCC-9817-F5778BBFDA7C}"/>
          </ac:spMkLst>
        </pc:spChg>
      </pc:sldChg>
      <pc:sldChg chg="del">
        <pc:chgData name="yechangqing" userId="9869b692-37df-47ec-97b9-0debc9dd442f" providerId="ADAL" clId="{51C1CCAC-8E0B-43A3-B2F7-A7C07AE05ED3}" dt="2023-08-28T11:23:04.782" v="59" actId="47"/>
        <pc:sldMkLst>
          <pc:docMk/>
          <pc:sldMk cId="2693303189" sldId="922"/>
        </pc:sldMkLst>
      </pc:sldChg>
      <pc:sldChg chg="del">
        <pc:chgData name="yechangqing" userId="9869b692-37df-47ec-97b9-0debc9dd442f" providerId="ADAL" clId="{51C1CCAC-8E0B-43A3-B2F7-A7C07AE05ED3}" dt="2023-08-28T11:23:00.623" v="56" actId="47"/>
        <pc:sldMkLst>
          <pc:docMk/>
          <pc:sldMk cId="410044408" sldId="947"/>
        </pc:sldMkLst>
      </pc:sldChg>
      <pc:sldChg chg="del">
        <pc:chgData name="yechangqing" userId="9869b692-37df-47ec-97b9-0debc9dd442f" providerId="ADAL" clId="{51C1CCAC-8E0B-43A3-B2F7-A7C07AE05ED3}" dt="2023-08-28T11:23:02.800" v="57" actId="47"/>
        <pc:sldMkLst>
          <pc:docMk/>
          <pc:sldMk cId="3103922042" sldId="995"/>
        </pc:sldMkLst>
      </pc:sldChg>
      <pc:sldChg chg="modSp mod">
        <pc:chgData name="yechangqing" userId="9869b692-37df-47ec-97b9-0debc9dd442f" providerId="ADAL" clId="{51C1CCAC-8E0B-43A3-B2F7-A7C07AE05ED3}" dt="2023-08-28T11:20:24.736" v="55" actId="20577"/>
        <pc:sldMkLst>
          <pc:docMk/>
          <pc:sldMk cId="2628588041" sldId="996"/>
        </pc:sldMkLst>
        <pc:spChg chg="mod">
          <ac:chgData name="yechangqing" userId="9869b692-37df-47ec-97b9-0debc9dd442f" providerId="ADAL" clId="{51C1CCAC-8E0B-43A3-B2F7-A7C07AE05ED3}" dt="2023-08-28T11:20:24.736" v="55" actId="20577"/>
          <ac:spMkLst>
            <pc:docMk/>
            <pc:sldMk cId="2628588041" sldId="996"/>
            <ac:spMk id="4" creationId="{F4BF395B-31C8-45FD-BB36-744E25A6BAD9}"/>
          </ac:spMkLst>
        </pc:spChg>
      </pc:sldChg>
      <pc:sldChg chg="del">
        <pc:chgData name="yechangqing" userId="9869b692-37df-47ec-97b9-0debc9dd442f" providerId="ADAL" clId="{51C1CCAC-8E0B-43A3-B2F7-A7C07AE05ED3}" dt="2023-08-28T11:23:04.275" v="58" actId="47"/>
        <pc:sldMkLst>
          <pc:docMk/>
          <pc:sldMk cId="507411724" sldId="1002"/>
        </pc:sldMkLst>
      </pc:sldChg>
      <pc:sldChg chg="del">
        <pc:chgData name="yechangqing" userId="9869b692-37df-47ec-97b9-0debc9dd442f" providerId="ADAL" clId="{51C1CCAC-8E0B-43A3-B2F7-A7C07AE05ED3}" dt="2023-08-28T11:23:08.637" v="64" actId="47"/>
        <pc:sldMkLst>
          <pc:docMk/>
          <pc:sldMk cId="2976318825" sldId="1003"/>
        </pc:sldMkLst>
      </pc:sldChg>
      <pc:sldChg chg="del">
        <pc:chgData name="yechangqing" userId="9869b692-37df-47ec-97b9-0debc9dd442f" providerId="ADAL" clId="{51C1CCAC-8E0B-43A3-B2F7-A7C07AE05ED3}" dt="2023-08-28T11:25:57.177" v="73" actId="47"/>
        <pc:sldMkLst>
          <pc:docMk/>
          <pc:sldMk cId="1080864634" sldId="1009"/>
        </pc:sldMkLst>
      </pc:sldChg>
      <pc:sldChg chg="del">
        <pc:chgData name="yechangqing" userId="9869b692-37df-47ec-97b9-0debc9dd442f" providerId="ADAL" clId="{51C1CCAC-8E0B-43A3-B2F7-A7C07AE05ED3}" dt="2023-08-28T11:23:05.191" v="60" actId="47"/>
        <pc:sldMkLst>
          <pc:docMk/>
          <pc:sldMk cId="478262399" sldId="1010"/>
        </pc:sldMkLst>
      </pc:sldChg>
      <pc:sldChg chg="del">
        <pc:chgData name="yechangqing" userId="9869b692-37df-47ec-97b9-0debc9dd442f" providerId="ADAL" clId="{51C1CCAC-8E0B-43A3-B2F7-A7C07AE05ED3}" dt="2023-08-28T11:23:05.773" v="61" actId="47"/>
        <pc:sldMkLst>
          <pc:docMk/>
          <pc:sldMk cId="1871202405" sldId="1011"/>
        </pc:sldMkLst>
      </pc:sldChg>
      <pc:sldChg chg="del">
        <pc:chgData name="yechangqing" userId="9869b692-37df-47ec-97b9-0debc9dd442f" providerId="ADAL" clId="{51C1CCAC-8E0B-43A3-B2F7-A7C07AE05ED3}" dt="2023-08-28T11:23:06.355" v="62" actId="47"/>
        <pc:sldMkLst>
          <pc:docMk/>
          <pc:sldMk cId="3110110496" sldId="1012"/>
        </pc:sldMkLst>
      </pc:sldChg>
      <pc:sldChg chg="del">
        <pc:chgData name="yechangqing" userId="9869b692-37df-47ec-97b9-0debc9dd442f" providerId="ADAL" clId="{51C1CCAC-8E0B-43A3-B2F7-A7C07AE05ED3}" dt="2023-08-28T11:23:07.330" v="63" actId="47"/>
        <pc:sldMkLst>
          <pc:docMk/>
          <pc:sldMk cId="76843055" sldId="1013"/>
        </pc:sldMkLst>
      </pc:sldChg>
      <pc:sldChg chg="del">
        <pc:chgData name="yechangqing" userId="9869b692-37df-47ec-97b9-0debc9dd442f" providerId="ADAL" clId="{51C1CCAC-8E0B-43A3-B2F7-A7C07AE05ED3}" dt="2023-08-28T11:25:48.985" v="65" actId="47"/>
        <pc:sldMkLst>
          <pc:docMk/>
          <pc:sldMk cId="1794026518" sldId="1014"/>
        </pc:sldMkLst>
      </pc:sldChg>
      <pc:sldChg chg="del">
        <pc:chgData name="yechangqing" userId="9869b692-37df-47ec-97b9-0debc9dd442f" providerId="ADAL" clId="{51C1CCAC-8E0B-43A3-B2F7-A7C07AE05ED3}" dt="2023-08-28T11:25:49.433" v="66" actId="47"/>
        <pc:sldMkLst>
          <pc:docMk/>
          <pc:sldMk cId="1536096710" sldId="1015"/>
        </pc:sldMkLst>
      </pc:sldChg>
      <pc:sldChg chg="del">
        <pc:chgData name="yechangqing" userId="9869b692-37df-47ec-97b9-0debc9dd442f" providerId="ADAL" clId="{51C1CCAC-8E0B-43A3-B2F7-A7C07AE05ED3}" dt="2023-08-28T11:25:50.812" v="69" actId="47"/>
        <pc:sldMkLst>
          <pc:docMk/>
          <pc:sldMk cId="1470055011" sldId="1016"/>
        </pc:sldMkLst>
      </pc:sldChg>
      <pc:sldChg chg="del">
        <pc:chgData name="yechangqing" userId="9869b692-37df-47ec-97b9-0debc9dd442f" providerId="ADAL" clId="{51C1CCAC-8E0B-43A3-B2F7-A7C07AE05ED3}" dt="2023-08-28T11:25:51.432" v="70" actId="47"/>
        <pc:sldMkLst>
          <pc:docMk/>
          <pc:sldMk cId="237847930" sldId="1017"/>
        </pc:sldMkLst>
      </pc:sldChg>
      <pc:sldChg chg="del">
        <pc:chgData name="yechangqing" userId="9869b692-37df-47ec-97b9-0debc9dd442f" providerId="ADAL" clId="{51C1CCAC-8E0B-43A3-B2F7-A7C07AE05ED3}" dt="2023-08-28T11:25:52.279" v="71" actId="47"/>
        <pc:sldMkLst>
          <pc:docMk/>
          <pc:sldMk cId="4270387043" sldId="1018"/>
        </pc:sldMkLst>
      </pc:sldChg>
      <pc:sldChg chg="del">
        <pc:chgData name="yechangqing" userId="9869b692-37df-47ec-97b9-0debc9dd442f" providerId="ADAL" clId="{51C1CCAC-8E0B-43A3-B2F7-A7C07AE05ED3}" dt="2023-08-28T11:25:52.798" v="72" actId="47"/>
        <pc:sldMkLst>
          <pc:docMk/>
          <pc:sldMk cId="4239389894" sldId="1019"/>
        </pc:sldMkLst>
      </pc:sldChg>
      <pc:sldChg chg="del">
        <pc:chgData name="yechangqing" userId="9869b692-37df-47ec-97b9-0debc9dd442f" providerId="ADAL" clId="{51C1CCAC-8E0B-43A3-B2F7-A7C07AE05ED3}" dt="2023-08-28T11:25:49.845" v="67" actId="47"/>
        <pc:sldMkLst>
          <pc:docMk/>
          <pc:sldMk cId="1339522232" sldId="1020"/>
        </pc:sldMkLst>
      </pc:sldChg>
      <pc:sldChg chg="del">
        <pc:chgData name="yechangqing" userId="9869b692-37df-47ec-97b9-0debc9dd442f" providerId="ADAL" clId="{51C1CCAC-8E0B-43A3-B2F7-A7C07AE05ED3}" dt="2023-08-28T11:25:50.245" v="68" actId="47"/>
        <pc:sldMkLst>
          <pc:docMk/>
          <pc:sldMk cId="202414093" sldId="1021"/>
        </pc:sldMkLst>
      </pc:sldChg>
      <pc:sldChg chg="del">
        <pc:chgData name="yechangqing" userId="9869b692-37df-47ec-97b9-0debc9dd442f" providerId="ADAL" clId="{51C1CCAC-8E0B-43A3-B2F7-A7C07AE05ED3}" dt="2023-08-28T11:53:05.071" v="224" actId="47"/>
        <pc:sldMkLst>
          <pc:docMk/>
          <pc:sldMk cId="379666432" sldId="1022"/>
        </pc:sldMkLst>
      </pc:sldChg>
      <pc:sldChg chg="addSp delSp modSp mod">
        <pc:chgData name="yechangqing" userId="9869b692-37df-47ec-97b9-0debc9dd442f" providerId="ADAL" clId="{51C1CCAC-8E0B-43A3-B2F7-A7C07AE05ED3}" dt="2023-08-28T12:14:33.794" v="260"/>
        <pc:sldMkLst>
          <pc:docMk/>
          <pc:sldMk cId="1130297169" sldId="1023"/>
        </pc:sldMkLst>
        <pc:spChg chg="mod">
          <ac:chgData name="yechangqing" userId="9869b692-37df-47ec-97b9-0debc9dd442f" providerId="ADAL" clId="{51C1CCAC-8E0B-43A3-B2F7-A7C07AE05ED3}" dt="2023-08-28T11:46:17.718" v="181" actId="20577"/>
          <ac:spMkLst>
            <pc:docMk/>
            <pc:sldMk cId="1130297169" sldId="1023"/>
            <ac:spMk id="3" creationId="{5BA59B5C-CE67-4D1D-AB6D-0C9D16EA761E}"/>
          </ac:spMkLst>
        </pc:spChg>
        <pc:spChg chg="mod">
          <ac:chgData name="yechangqing" userId="9869b692-37df-47ec-97b9-0debc9dd442f" providerId="ADAL" clId="{51C1CCAC-8E0B-43A3-B2F7-A7C07AE05ED3}" dt="2023-08-28T11:54:05.600" v="232" actId="1035"/>
          <ac:spMkLst>
            <pc:docMk/>
            <pc:sldMk cId="1130297169" sldId="1023"/>
            <ac:spMk id="25" creationId="{D79356F2-0E23-4F58-94B5-536EE681A223}"/>
          </ac:spMkLst>
        </pc:spChg>
        <pc:graphicFrameChg chg="mod modGraphic">
          <ac:chgData name="yechangqing" userId="9869b692-37df-47ec-97b9-0debc9dd442f" providerId="ADAL" clId="{51C1CCAC-8E0B-43A3-B2F7-A7C07AE05ED3}" dt="2023-08-28T12:14:33.794" v="260"/>
          <ac:graphicFrameMkLst>
            <pc:docMk/>
            <pc:sldMk cId="1130297169" sldId="1023"/>
            <ac:graphicFrameMk id="27" creationId="{C2A864C9-FEF9-4584-A59C-00B0E7997F33}"/>
          </ac:graphicFrameMkLst>
        </pc:graphicFrameChg>
        <pc:picChg chg="del">
          <ac:chgData name="yechangqing" userId="9869b692-37df-47ec-97b9-0debc9dd442f" providerId="ADAL" clId="{51C1CCAC-8E0B-43A3-B2F7-A7C07AE05ED3}" dt="2023-08-28T11:37:38.035" v="74" actId="478"/>
          <ac:picMkLst>
            <pc:docMk/>
            <pc:sldMk cId="1130297169" sldId="1023"/>
            <ac:picMk id="4" creationId="{1245F004-D4BE-4014-A5B3-065CE65D94D3}"/>
          </ac:picMkLst>
        </pc:picChg>
        <pc:picChg chg="add del mod ord">
          <ac:chgData name="yechangqing" userId="9869b692-37df-47ec-97b9-0debc9dd442f" providerId="ADAL" clId="{51C1CCAC-8E0B-43A3-B2F7-A7C07AE05ED3}" dt="2023-08-28T11:52:35.317" v="210" actId="478"/>
          <ac:picMkLst>
            <pc:docMk/>
            <pc:sldMk cId="1130297169" sldId="1023"/>
            <ac:picMk id="5" creationId="{FD1A4496-D20F-4298-B379-C8830A87E062}"/>
          </ac:picMkLst>
        </pc:picChg>
        <pc:picChg chg="add mod ord">
          <ac:chgData name="yechangqing" userId="9869b692-37df-47ec-97b9-0debc9dd442f" providerId="ADAL" clId="{51C1CCAC-8E0B-43A3-B2F7-A7C07AE05ED3}" dt="2023-08-28T11:54:02.565" v="231" actId="1037"/>
          <ac:picMkLst>
            <pc:docMk/>
            <pc:sldMk cId="1130297169" sldId="1023"/>
            <ac:picMk id="9" creationId="{A77EB0BA-235A-41C0-83E3-D243AFEF6A2B}"/>
          </ac:picMkLst>
        </pc:picChg>
        <pc:cxnChg chg="mod">
          <ac:chgData name="yechangqing" userId="9869b692-37df-47ec-97b9-0debc9dd442f" providerId="ADAL" clId="{51C1CCAC-8E0B-43A3-B2F7-A7C07AE05ED3}" dt="2023-08-28T11:37:53.110" v="90" actId="14100"/>
          <ac:cxnSpMkLst>
            <pc:docMk/>
            <pc:sldMk cId="1130297169" sldId="1023"/>
            <ac:cxnSpMk id="18" creationId="{29B90055-62C2-4170-A70D-87C4F40612AB}"/>
          </ac:cxnSpMkLst>
        </pc:cxnChg>
        <pc:cxnChg chg="mod">
          <ac:chgData name="yechangqing" userId="9869b692-37df-47ec-97b9-0debc9dd442f" providerId="ADAL" clId="{51C1CCAC-8E0B-43A3-B2F7-A7C07AE05ED3}" dt="2023-08-28T11:37:56.131" v="91" actId="14100"/>
          <ac:cxnSpMkLst>
            <pc:docMk/>
            <pc:sldMk cId="1130297169" sldId="1023"/>
            <ac:cxnSpMk id="19" creationId="{2C863900-1078-4951-A7EA-B5537903D8F6}"/>
          </ac:cxnSpMkLst>
        </pc:cxnChg>
      </pc:sldChg>
      <pc:sldChg chg="addSp modSp mod">
        <pc:chgData name="yechangqing" userId="9869b692-37df-47ec-97b9-0debc9dd442f" providerId="ADAL" clId="{51C1CCAC-8E0B-43A3-B2F7-A7C07AE05ED3}" dt="2023-08-28T11:45:53.246" v="180" actId="1038"/>
        <pc:sldMkLst>
          <pc:docMk/>
          <pc:sldMk cId="1054059683" sldId="1024"/>
        </pc:sldMkLst>
        <pc:spChg chg="add mod">
          <ac:chgData name="yechangqing" userId="9869b692-37df-47ec-97b9-0debc9dd442f" providerId="ADAL" clId="{51C1CCAC-8E0B-43A3-B2F7-A7C07AE05ED3}" dt="2023-08-28T11:45:50.635" v="176" actId="1076"/>
          <ac:spMkLst>
            <pc:docMk/>
            <pc:sldMk cId="1054059683" sldId="1024"/>
            <ac:spMk id="6" creationId="{AF6C5A04-BEDB-40DD-B92C-2EBEF3942C5E}"/>
          </ac:spMkLst>
        </pc:spChg>
        <pc:picChg chg="add mod modCrop">
          <ac:chgData name="yechangqing" userId="9869b692-37df-47ec-97b9-0debc9dd442f" providerId="ADAL" clId="{51C1CCAC-8E0B-43A3-B2F7-A7C07AE05ED3}" dt="2023-08-28T11:45:47.607" v="175" actId="1076"/>
          <ac:picMkLst>
            <pc:docMk/>
            <pc:sldMk cId="1054059683" sldId="1024"/>
            <ac:picMk id="8" creationId="{8B309E7A-9D40-471E-B4F9-C1ED93D441D7}"/>
          </ac:picMkLst>
        </pc:picChg>
        <pc:picChg chg="mod">
          <ac:chgData name="yechangqing" userId="9869b692-37df-47ec-97b9-0debc9dd442f" providerId="ADAL" clId="{51C1CCAC-8E0B-43A3-B2F7-A7C07AE05ED3}" dt="2023-08-28T11:45:53.246" v="180" actId="1038"/>
          <ac:picMkLst>
            <pc:docMk/>
            <pc:sldMk cId="1054059683" sldId="1024"/>
            <ac:picMk id="33" creationId="{7E231996-1A18-4156-9E5F-3C7D9BB0C499}"/>
          </ac:picMkLst>
        </pc:picChg>
      </pc:sldChg>
      <pc:sldMasterChg chg="delSldLayout">
        <pc:chgData name="yechangqing" userId="9869b692-37df-47ec-97b9-0debc9dd442f" providerId="ADAL" clId="{51C1CCAC-8E0B-43A3-B2F7-A7C07AE05ED3}" dt="2023-08-28T11:23:00.623" v="56" actId="47"/>
        <pc:sldMasterMkLst>
          <pc:docMk/>
          <pc:sldMasterMk cId="3866910221" sldId="2147483652"/>
        </pc:sldMasterMkLst>
        <pc:sldLayoutChg chg="del">
          <pc:chgData name="yechangqing" userId="9869b692-37df-47ec-97b9-0debc9dd442f" providerId="ADAL" clId="{51C1CCAC-8E0B-43A3-B2F7-A7C07AE05ED3}" dt="2023-08-28T11:23:00.623" v="56" actId="47"/>
          <pc:sldLayoutMkLst>
            <pc:docMk/>
            <pc:sldMasterMk cId="3866910221" sldId="2147483652"/>
            <pc:sldLayoutMk cId="1346708599" sldId="2147483665"/>
          </pc:sldLayoutMkLst>
        </pc:sldLayoutChg>
      </pc:sldMasterChg>
    </pc:docChg>
  </pc:docChgLst>
  <pc:docChgLst>
    <pc:chgData name="yechangqing" userId="9869b692-37df-47ec-97b9-0debc9dd442f" providerId="ADAL" clId="{82F90EEF-65CA-4153-A24F-A664EA97B39E}"/>
    <pc:docChg chg="undo redo custSel addSld delSld modSld sldOrd modMainMaster">
      <pc:chgData name="yechangqing" userId="9869b692-37df-47ec-97b9-0debc9dd442f" providerId="ADAL" clId="{82F90EEF-65CA-4153-A24F-A664EA97B39E}" dt="2023-06-20T08:38:53.728" v="3125" actId="1076"/>
      <pc:docMkLst>
        <pc:docMk/>
      </pc:docMkLst>
      <pc:sldChg chg="modSp mod">
        <pc:chgData name="yechangqing" userId="9869b692-37df-47ec-97b9-0debc9dd442f" providerId="ADAL" clId="{82F90EEF-65CA-4153-A24F-A664EA97B39E}" dt="2023-06-14T12:43:53.876" v="33"/>
        <pc:sldMkLst>
          <pc:docMk/>
          <pc:sldMk cId="0" sldId="258"/>
        </pc:sldMkLst>
        <pc:spChg chg="mod">
          <ac:chgData name="yechangqing" userId="9869b692-37df-47ec-97b9-0debc9dd442f" providerId="ADAL" clId="{82F90EEF-65CA-4153-A24F-A664EA97B39E}" dt="2023-06-14T12:43:53.876" v="33"/>
          <ac:spMkLst>
            <pc:docMk/>
            <pc:sldMk cId="0" sldId="258"/>
            <ac:spMk id="3075" creationId="{56930872-1753-4C67-8007-D7F17A78D6D5}"/>
          </ac:spMkLst>
        </pc:spChg>
        <pc:spChg chg="mod">
          <ac:chgData name="yechangqing" userId="9869b692-37df-47ec-97b9-0debc9dd442f" providerId="ADAL" clId="{82F90EEF-65CA-4153-A24F-A664EA97B39E}" dt="2023-06-14T12:42:53.620" v="20" actId="20577"/>
          <ac:spMkLst>
            <pc:docMk/>
            <pc:sldMk cId="0" sldId="258"/>
            <ac:spMk id="3076" creationId="{E2B2CE97-30DD-4DCC-9817-F5778BBFDA7C}"/>
          </ac:spMkLst>
        </pc:spChg>
      </pc:sldChg>
      <pc:sldChg chg="del">
        <pc:chgData name="yechangqing" userId="9869b692-37df-47ec-97b9-0debc9dd442f" providerId="ADAL" clId="{82F90EEF-65CA-4153-A24F-A664EA97B39E}" dt="2023-06-15T07:25:54.496" v="1767" actId="47"/>
        <pc:sldMkLst>
          <pc:docMk/>
          <pc:sldMk cId="2666828055" sldId="455"/>
        </pc:sldMkLst>
      </pc:sldChg>
      <pc:sldChg chg="del">
        <pc:chgData name="yechangqing" userId="9869b692-37df-47ec-97b9-0debc9dd442f" providerId="ADAL" clId="{82F90EEF-65CA-4153-A24F-A664EA97B39E}" dt="2023-06-14T12:43:39.750" v="22" actId="47"/>
        <pc:sldMkLst>
          <pc:docMk/>
          <pc:sldMk cId="1354688639" sldId="834"/>
        </pc:sldMkLst>
      </pc:sldChg>
      <pc:sldChg chg="del">
        <pc:chgData name="yechangqing" userId="9869b692-37df-47ec-97b9-0debc9dd442f" providerId="ADAL" clId="{82F90EEF-65CA-4153-A24F-A664EA97B39E}" dt="2023-06-14T12:43:39.902" v="23" actId="47"/>
        <pc:sldMkLst>
          <pc:docMk/>
          <pc:sldMk cId="2265891491" sldId="870"/>
        </pc:sldMkLst>
      </pc:sldChg>
      <pc:sldChg chg="del">
        <pc:chgData name="yechangqing" userId="9869b692-37df-47ec-97b9-0debc9dd442f" providerId="ADAL" clId="{82F90EEF-65CA-4153-A24F-A664EA97B39E}" dt="2023-06-14T12:43:40.042" v="24" actId="47"/>
        <pc:sldMkLst>
          <pc:docMk/>
          <pc:sldMk cId="2693303189" sldId="922"/>
        </pc:sldMkLst>
      </pc:sldChg>
      <pc:sldChg chg="del">
        <pc:chgData name="yechangqing" userId="9869b692-37df-47ec-97b9-0debc9dd442f" providerId="ADAL" clId="{82F90EEF-65CA-4153-A24F-A664EA97B39E}" dt="2023-06-14T12:43:40.286" v="26" actId="47"/>
        <pc:sldMkLst>
          <pc:docMk/>
          <pc:sldMk cId="2484925289" sldId="925"/>
        </pc:sldMkLst>
      </pc:sldChg>
      <pc:sldChg chg="del">
        <pc:chgData name="yechangqing" userId="9869b692-37df-47ec-97b9-0debc9dd442f" providerId="ADAL" clId="{82F90EEF-65CA-4153-A24F-A664EA97B39E}" dt="2023-06-14T12:43:41.646" v="30" actId="47"/>
        <pc:sldMkLst>
          <pc:docMk/>
          <pc:sldMk cId="1579301796" sldId="937"/>
        </pc:sldMkLst>
      </pc:sldChg>
      <pc:sldChg chg="del">
        <pc:chgData name="yechangqing" userId="9869b692-37df-47ec-97b9-0debc9dd442f" providerId="ADAL" clId="{82F90EEF-65CA-4153-A24F-A664EA97B39E}" dt="2023-06-14T12:43:37.983" v="21" actId="47"/>
        <pc:sldMkLst>
          <pc:docMk/>
          <pc:sldMk cId="3951697819" sldId="939"/>
        </pc:sldMkLst>
      </pc:sldChg>
      <pc:sldChg chg="modSp mod">
        <pc:chgData name="yechangqing" userId="9869b692-37df-47ec-97b9-0debc9dd442f" providerId="ADAL" clId="{82F90EEF-65CA-4153-A24F-A664EA97B39E}" dt="2023-06-14T12:58:29.090" v="328" actId="1076"/>
        <pc:sldMkLst>
          <pc:docMk/>
          <pc:sldMk cId="2593246136" sldId="940"/>
        </pc:sldMkLst>
        <pc:spChg chg="mod">
          <ac:chgData name="yechangqing" userId="9869b692-37df-47ec-97b9-0debc9dd442f" providerId="ADAL" clId="{82F90EEF-65CA-4153-A24F-A664EA97B39E}" dt="2023-06-14T12:46:55.439" v="48" actId="207"/>
          <ac:spMkLst>
            <pc:docMk/>
            <pc:sldMk cId="2593246136" sldId="940"/>
            <ac:spMk id="9" creationId="{D2DF31CC-B6C4-476C-94D9-577D0707E0D7}"/>
          </ac:spMkLst>
        </pc:spChg>
        <pc:spChg chg="mod">
          <ac:chgData name="yechangqing" userId="9869b692-37df-47ec-97b9-0debc9dd442f" providerId="ADAL" clId="{82F90EEF-65CA-4153-A24F-A664EA97B39E}" dt="2023-06-14T12:58:29.090" v="328" actId="1076"/>
          <ac:spMkLst>
            <pc:docMk/>
            <pc:sldMk cId="2593246136" sldId="940"/>
            <ac:spMk id="10" creationId="{2591AB24-17E3-4A6B-9FF9-2E57C00F8E7C}"/>
          </ac:spMkLst>
        </pc:spChg>
      </pc:sldChg>
      <pc:sldChg chg="new del">
        <pc:chgData name="yechangqing" userId="9869b692-37df-47ec-97b9-0debc9dd442f" providerId="ADAL" clId="{82F90EEF-65CA-4153-A24F-A664EA97B39E}" dt="2023-06-14T12:57:05.827" v="316" actId="47"/>
        <pc:sldMkLst>
          <pc:docMk/>
          <pc:sldMk cId="409948699" sldId="941"/>
        </pc:sldMkLst>
      </pc:sldChg>
      <pc:sldChg chg="modSp add mod">
        <pc:chgData name="yechangqing" userId="9869b692-37df-47ec-97b9-0debc9dd442f" providerId="ADAL" clId="{82F90EEF-65CA-4153-A24F-A664EA97B39E}" dt="2023-06-14T13:55:57.454" v="1218" actId="20577"/>
        <pc:sldMkLst>
          <pc:docMk/>
          <pc:sldMk cId="1264515959" sldId="942"/>
        </pc:sldMkLst>
        <pc:spChg chg="mod">
          <ac:chgData name="yechangqing" userId="9869b692-37df-47ec-97b9-0debc9dd442f" providerId="ADAL" clId="{82F90EEF-65CA-4153-A24F-A664EA97B39E}" dt="2023-06-14T12:47:27.952" v="55" actId="108"/>
          <ac:spMkLst>
            <pc:docMk/>
            <pc:sldMk cId="1264515959" sldId="942"/>
            <ac:spMk id="9" creationId="{D2DF31CC-B6C4-476C-94D9-577D0707E0D7}"/>
          </ac:spMkLst>
        </pc:spChg>
        <pc:spChg chg="mod">
          <ac:chgData name="yechangqing" userId="9869b692-37df-47ec-97b9-0debc9dd442f" providerId="ADAL" clId="{82F90EEF-65CA-4153-A24F-A664EA97B39E}" dt="2023-06-14T13:55:57.454" v="1218" actId="20577"/>
          <ac:spMkLst>
            <pc:docMk/>
            <pc:sldMk cId="1264515959" sldId="942"/>
            <ac:spMk id="10" creationId="{2591AB24-17E3-4A6B-9FF9-2E57C00F8E7C}"/>
          </ac:spMkLst>
        </pc:spChg>
        <pc:spChg chg="mod">
          <ac:chgData name="yechangqing" userId="9869b692-37df-47ec-97b9-0debc9dd442f" providerId="ADAL" clId="{82F90EEF-65CA-4153-A24F-A664EA97B39E}" dt="2023-06-14T12:56:26.400" v="313" actId="20577"/>
          <ac:spMkLst>
            <pc:docMk/>
            <pc:sldMk cId="1264515959" sldId="942"/>
            <ac:spMk id="12" creationId="{1C346B08-F405-4B28-B0E2-CFDE8137EB14}"/>
          </ac:spMkLst>
        </pc:spChg>
      </pc:sldChg>
      <pc:sldChg chg="del">
        <pc:chgData name="yechangqing" userId="9869b692-37df-47ec-97b9-0debc9dd442f" providerId="ADAL" clId="{82F90EEF-65CA-4153-A24F-A664EA97B39E}" dt="2023-06-14T12:43:41.204" v="29" actId="47"/>
        <pc:sldMkLst>
          <pc:docMk/>
          <pc:sldMk cId="1839981959" sldId="942"/>
        </pc:sldMkLst>
      </pc:sldChg>
      <pc:sldChg chg="new del">
        <pc:chgData name="yechangqing" userId="9869b692-37df-47ec-97b9-0debc9dd442f" providerId="ADAL" clId="{82F90EEF-65CA-4153-A24F-A664EA97B39E}" dt="2023-06-14T12:57:11.974" v="318" actId="47"/>
        <pc:sldMkLst>
          <pc:docMk/>
          <pc:sldMk cId="1462478649" sldId="943"/>
        </pc:sldMkLst>
      </pc:sldChg>
      <pc:sldChg chg="addSp delSp modSp add mod modAnim modNotesTx">
        <pc:chgData name="yechangqing" userId="9869b692-37df-47ec-97b9-0debc9dd442f" providerId="ADAL" clId="{82F90EEF-65CA-4153-A24F-A664EA97B39E}" dt="2023-06-15T07:22:23.958" v="1628"/>
        <pc:sldMkLst>
          <pc:docMk/>
          <pc:sldMk cId="2653299472" sldId="943"/>
        </pc:sldMkLst>
        <pc:spChg chg="mod">
          <ac:chgData name="yechangqing" userId="9869b692-37df-47ec-97b9-0debc9dd442f" providerId="ADAL" clId="{82F90EEF-65CA-4153-A24F-A664EA97B39E}" dt="2023-06-14T12:58:40.504" v="340"/>
          <ac:spMkLst>
            <pc:docMk/>
            <pc:sldMk cId="2653299472" sldId="943"/>
            <ac:spMk id="9" creationId="{D2DF31CC-B6C4-476C-94D9-577D0707E0D7}"/>
          </ac:spMkLst>
        </pc:spChg>
        <pc:spChg chg="del">
          <ac:chgData name="yechangqing" userId="9869b692-37df-47ec-97b9-0debc9dd442f" providerId="ADAL" clId="{82F90EEF-65CA-4153-A24F-A664EA97B39E}" dt="2023-06-14T12:58:46.084" v="342" actId="478"/>
          <ac:spMkLst>
            <pc:docMk/>
            <pc:sldMk cId="2653299472" sldId="943"/>
            <ac:spMk id="10" creationId="{2591AB24-17E3-4A6B-9FF9-2E57C00F8E7C}"/>
          </ac:spMkLst>
        </pc:spChg>
        <pc:spChg chg="del">
          <ac:chgData name="yechangqing" userId="9869b692-37df-47ec-97b9-0debc9dd442f" providerId="ADAL" clId="{82F90EEF-65CA-4153-A24F-A664EA97B39E}" dt="2023-06-14T12:58:43.970" v="341" actId="478"/>
          <ac:spMkLst>
            <pc:docMk/>
            <pc:sldMk cId="2653299472" sldId="943"/>
            <ac:spMk id="12" creationId="{1C346B08-F405-4B28-B0E2-CFDE8137EB14}"/>
          </ac:spMkLst>
        </pc:spChg>
        <pc:spChg chg="add mod">
          <ac:chgData name="yechangqing" userId="9869b692-37df-47ec-97b9-0debc9dd442f" providerId="ADAL" clId="{82F90EEF-65CA-4153-A24F-A664EA97B39E}" dt="2023-06-15T07:22:18.619" v="1627" actId="1076"/>
          <ac:spMkLst>
            <pc:docMk/>
            <pc:sldMk cId="2653299472" sldId="943"/>
            <ac:spMk id="14" creationId="{DE925765-CBE5-4828-B931-02332C6F62A5}"/>
          </ac:spMkLst>
        </pc:spChg>
        <pc:picChg chg="del">
          <ac:chgData name="yechangqing" userId="9869b692-37df-47ec-97b9-0debc9dd442f" providerId="ADAL" clId="{82F90EEF-65CA-4153-A24F-A664EA97B39E}" dt="2023-06-14T12:58:47.947" v="343" actId="478"/>
          <ac:picMkLst>
            <pc:docMk/>
            <pc:sldMk cId="2653299472" sldId="943"/>
            <ac:picMk id="3" creationId="{47356013-8B61-430D-B4B6-D4BA19188BBD}"/>
          </ac:picMkLst>
        </pc:picChg>
        <pc:picChg chg="add mod">
          <ac:chgData name="yechangqing" userId="9869b692-37df-47ec-97b9-0debc9dd442f" providerId="ADAL" clId="{82F90EEF-65CA-4153-A24F-A664EA97B39E}" dt="2023-06-14T13:02:33.717" v="346" actId="1076"/>
          <ac:picMkLst>
            <pc:docMk/>
            <pc:sldMk cId="2653299472" sldId="943"/>
            <ac:picMk id="5" creationId="{C921C768-DC6E-4BDA-A624-158CC5B04F2A}"/>
          </ac:picMkLst>
        </pc:picChg>
        <pc:picChg chg="add del mod">
          <ac:chgData name="yechangqing" userId="9869b692-37df-47ec-97b9-0debc9dd442f" providerId="ADAL" clId="{82F90EEF-65CA-4153-A24F-A664EA97B39E}" dt="2023-06-14T13:02:58.179" v="349" actId="478"/>
          <ac:picMkLst>
            <pc:docMk/>
            <pc:sldMk cId="2653299472" sldId="943"/>
            <ac:picMk id="7" creationId="{8F4CC915-396B-4A67-A727-02C193E76B80}"/>
          </ac:picMkLst>
        </pc:picChg>
        <pc:picChg chg="add mod">
          <ac:chgData name="yechangqing" userId="9869b692-37df-47ec-97b9-0debc9dd442f" providerId="ADAL" clId="{82F90EEF-65CA-4153-A24F-A664EA97B39E}" dt="2023-06-14T13:03:29.826" v="352" actId="1076"/>
          <ac:picMkLst>
            <pc:docMk/>
            <pc:sldMk cId="2653299472" sldId="943"/>
            <ac:picMk id="11" creationId="{970ACBBC-CC4B-4A96-B5B1-9D0F1A159F4F}"/>
          </ac:picMkLst>
        </pc:picChg>
        <pc:cxnChg chg="add mod">
          <ac:chgData name="yechangqing" userId="9869b692-37df-47ec-97b9-0debc9dd442f" providerId="ADAL" clId="{82F90EEF-65CA-4153-A24F-A664EA97B39E}" dt="2023-06-15T07:22:13.745" v="1626" actId="693"/>
          <ac:cxnSpMkLst>
            <pc:docMk/>
            <pc:sldMk cId="2653299472" sldId="943"/>
            <ac:cxnSpMk id="16" creationId="{31903AC6-B12D-40DF-8D51-4AD0508A8964}"/>
          </ac:cxnSpMkLst>
        </pc:cxnChg>
      </pc:sldChg>
      <pc:sldChg chg="del">
        <pc:chgData name="yechangqing" userId="9869b692-37df-47ec-97b9-0debc9dd442f" providerId="ADAL" clId="{82F90EEF-65CA-4153-A24F-A664EA97B39E}" dt="2023-06-14T12:43:40.177" v="25" actId="47"/>
        <pc:sldMkLst>
          <pc:docMk/>
          <pc:sldMk cId="3085806168" sldId="943"/>
        </pc:sldMkLst>
      </pc:sldChg>
      <pc:sldChg chg="addSp delSp modSp new mod">
        <pc:chgData name="yechangqing" userId="9869b692-37df-47ec-97b9-0debc9dd442f" providerId="ADAL" clId="{82F90EEF-65CA-4153-A24F-A664EA97B39E}" dt="2023-06-20T06:39:22.507" v="2663" actId="21"/>
        <pc:sldMkLst>
          <pc:docMk/>
          <pc:sldMk cId="435905029" sldId="944"/>
        </pc:sldMkLst>
        <pc:spChg chg="add mod">
          <ac:chgData name="yechangqing" userId="9869b692-37df-47ec-97b9-0debc9dd442f" providerId="ADAL" clId="{82F90EEF-65CA-4153-A24F-A664EA97B39E}" dt="2023-06-14T13:20:26.811" v="776" actId="1076"/>
          <ac:spMkLst>
            <pc:docMk/>
            <pc:sldMk cId="435905029" sldId="944"/>
            <ac:spMk id="3" creationId="{A8022AFA-E6AE-41AE-90F5-5037F862FFA1}"/>
          </ac:spMkLst>
        </pc:spChg>
        <pc:spChg chg="add mod">
          <ac:chgData name="yechangqing" userId="9869b692-37df-47ec-97b9-0debc9dd442f" providerId="ADAL" clId="{82F90EEF-65CA-4153-A24F-A664EA97B39E}" dt="2023-06-15T01:57:26.191" v="1313" actId="207"/>
          <ac:spMkLst>
            <pc:docMk/>
            <pc:sldMk cId="435905029" sldId="944"/>
            <ac:spMk id="4" creationId="{1942689C-AE1D-4C84-ADE6-DB285E0AC42A}"/>
          </ac:spMkLst>
        </pc:spChg>
        <pc:spChg chg="add del">
          <ac:chgData name="yechangqing" userId="9869b692-37df-47ec-97b9-0debc9dd442f" providerId="ADAL" clId="{82F90EEF-65CA-4153-A24F-A664EA97B39E}" dt="2023-06-14T13:13:00.559" v="473" actId="478"/>
          <ac:spMkLst>
            <pc:docMk/>
            <pc:sldMk cId="435905029" sldId="944"/>
            <ac:spMk id="6" creationId="{11F7FA3A-9737-42E4-BCF0-4ED41E734D1C}"/>
          </ac:spMkLst>
        </pc:spChg>
        <pc:spChg chg="add mod">
          <ac:chgData name="yechangqing" userId="9869b692-37df-47ec-97b9-0debc9dd442f" providerId="ADAL" clId="{82F90EEF-65CA-4153-A24F-A664EA97B39E}" dt="2023-06-19T07:21:38.415" v="2448" actId="14100"/>
          <ac:spMkLst>
            <pc:docMk/>
            <pc:sldMk cId="435905029" sldId="944"/>
            <ac:spMk id="8" creationId="{DC831120-A3BD-4129-98CD-D1E7D99EFD63}"/>
          </ac:spMkLst>
        </pc:spChg>
        <pc:picChg chg="add del mod">
          <ac:chgData name="yechangqing" userId="9869b692-37df-47ec-97b9-0debc9dd442f" providerId="ADAL" clId="{82F90EEF-65CA-4153-A24F-A664EA97B39E}" dt="2023-06-20T06:39:22.507" v="2663" actId="21"/>
          <ac:picMkLst>
            <pc:docMk/>
            <pc:sldMk cId="435905029" sldId="944"/>
            <ac:picMk id="10" creationId="{E171563F-BBAE-4C8D-8C32-3A44128096FA}"/>
          </ac:picMkLst>
        </pc:picChg>
        <pc:picChg chg="add mod">
          <ac:chgData name="yechangqing" userId="9869b692-37df-47ec-97b9-0debc9dd442f" providerId="ADAL" clId="{82F90EEF-65CA-4153-A24F-A664EA97B39E}" dt="2023-06-14T13:19:19.480" v="708" actId="1076"/>
          <ac:picMkLst>
            <pc:docMk/>
            <pc:sldMk cId="435905029" sldId="944"/>
            <ac:picMk id="12" creationId="{C5B6FFB7-5484-4983-B8EE-156051AB2A78}"/>
          </ac:picMkLst>
        </pc:picChg>
      </pc:sldChg>
      <pc:sldChg chg="del">
        <pc:chgData name="yechangqing" userId="9869b692-37df-47ec-97b9-0debc9dd442f" providerId="ADAL" clId="{82F90EEF-65CA-4153-A24F-A664EA97B39E}" dt="2023-06-14T12:43:40.395" v="27" actId="47"/>
        <pc:sldMkLst>
          <pc:docMk/>
          <pc:sldMk cId="1667926569" sldId="944"/>
        </pc:sldMkLst>
      </pc:sldChg>
      <pc:sldChg chg="new del">
        <pc:chgData name="yechangqing" userId="9869b692-37df-47ec-97b9-0debc9dd442f" providerId="ADAL" clId="{82F90EEF-65CA-4153-A24F-A664EA97B39E}" dt="2023-06-14T13:09:53.566" v="356" actId="47"/>
        <pc:sldMkLst>
          <pc:docMk/>
          <pc:sldMk cId="2851531470" sldId="944"/>
        </pc:sldMkLst>
      </pc:sldChg>
      <pc:sldChg chg="new del">
        <pc:chgData name="yechangqing" userId="9869b692-37df-47ec-97b9-0debc9dd442f" providerId="ADAL" clId="{82F90EEF-65CA-4153-A24F-A664EA97B39E}" dt="2023-06-14T13:09:46.257" v="354" actId="47"/>
        <pc:sldMkLst>
          <pc:docMk/>
          <pc:sldMk cId="2888589584" sldId="944"/>
        </pc:sldMkLst>
      </pc:sldChg>
      <pc:sldChg chg="new del">
        <pc:chgData name="yechangqing" userId="9869b692-37df-47ec-97b9-0debc9dd442f" providerId="ADAL" clId="{82F90EEF-65CA-4153-A24F-A664EA97B39E}" dt="2023-06-14T13:09:59.157" v="358" actId="47"/>
        <pc:sldMkLst>
          <pc:docMk/>
          <pc:sldMk cId="3714535693" sldId="944"/>
        </pc:sldMkLst>
      </pc:sldChg>
      <pc:sldChg chg="addSp delSp modSp new mod">
        <pc:chgData name="yechangqing" userId="9869b692-37df-47ec-97b9-0debc9dd442f" providerId="ADAL" clId="{82F90EEF-65CA-4153-A24F-A664EA97B39E}" dt="2023-06-15T01:58:20.408" v="1314" actId="1076"/>
        <pc:sldMkLst>
          <pc:docMk/>
          <pc:sldMk cId="1687425405" sldId="945"/>
        </pc:sldMkLst>
        <pc:spChg chg="add mod">
          <ac:chgData name="yechangqing" userId="9869b692-37df-47ec-97b9-0debc9dd442f" providerId="ADAL" clId="{82F90EEF-65CA-4153-A24F-A664EA97B39E}" dt="2023-06-14T13:26:36.373" v="817"/>
          <ac:spMkLst>
            <pc:docMk/>
            <pc:sldMk cId="1687425405" sldId="945"/>
            <ac:spMk id="3" creationId="{5CC799B5-9F6F-4869-8C2F-0EC3C39F3D0A}"/>
          </ac:spMkLst>
        </pc:spChg>
        <pc:spChg chg="add del mod">
          <ac:chgData name="yechangqing" userId="9869b692-37df-47ec-97b9-0debc9dd442f" providerId="ADAL" clId="{82F90EEF-65CA-4153-A24F-A664EA97B39E}" dt="2023-06-14T13:27:32.660" v="831" actId="478"/>
          <ac:spMkLst>
            <pc:docMk/>
            <pc:sldMk cId="1687425405" sldId="945"/>
            <ac:spMk id="5" creationId="{A330A681-6DC6-43D0-A619-F26A1B4AB43D}"/>
          </ac:spMkLst>
        </pc:spChg>
        <pc:spChg chg="add del mod">
          <ac:chgData name="yechangqing" userId="9869b692-37df-47ec-97b9-0debc9dd442f" providerId="ADAL" clId="{82F90EEF-65CA-4153-A24F-A664EA97B39E}" dt="2023-06-14T13:28:01.074" v="851" actId="478"/>
          <ac:spMkLst>
            <pc:docMk/>
            <pc:sldMk cId="1687425405" sldId="945"/>
            <ac:spMk id="6" creationId="{1265E2B1-6853-48F6-9085-468D898CC1DC}"/>
          </ac:spMkLst>
        </pc:spChg>
        <pc:spChg chg="add del mod">
          <ac:chgData name="yechangqing" userId="9869b692-37df-47ec-97b9-0debc9dd442f" providerId="ADAL" clId="{82F90EEF-65CA-4153-A24F-A664EA97B39E}" dt="2023-06-14T13:28:05.984" v="854"/>
          <ac:spMkLst>
            <pc:docMk/>
            <pc:sldMk cId="1687425405" sldId="945"/>
            <ac:spMk id="7" creationId="{3143DDDA-2CB8-4E55-9A0F-025AA1F6FE92}"/>
          </ac:spMkLst>
        </pc:spChg>
        <pc:spChg chg="add del mod">
          <ac:chgData name="yechangqing" userId="9869b692-37df-47ec-97b9-0debc9dd442f" providerId="ADAL" clId="{82F90EEF-65CA-4153-A24F-A664EA97B39E}" dt="2023-06-15T01:58:20.408" v="1314" actId="1076"/>
          <ac:spMkLst>
            <pc:docMk/>
            <pc:sldMk cId="1687425405" sldId="945"/>
            <ac:spMk id="8" creationId="{416F1DB6-0DCF-4FC5-A950-5C48FDF64D95}"/>
          </ac:spMkLst>
        </pc:spChg>
        <pc:spChg chg="add del">
          <ac:chgData name="yechangqing" userId="9869b692-37df-47ec-97b9-0debc9dd442f" providerId="ADAL" clId="{82F90EEF-65CA-4153-A24F-A664EA97B39E}" dt="2023-06-14T13:28:17.885" v="859" actId="22"/>
          <ac:spMkLst>
            <pc:docMk/>
            <pc:sldMk cId="1687425405" sldId="945"/>
            <ac:spMk id="10" creationId="{6ED24B07-8A37-4B1D-B343-349A4744C90E}"/>
          </ac:spMkLst>
        </pc:spChg>
      </pc:sldChg>
      <pc:sldChg chg="del">
        <pc:chgData name="yechangqing" userId="9869b692-37df-47ec-97b9-0debc9dd442f" providerId="ADAL" clId="{82F90EEF-65CA-4153-A24F-A664EA97B39E}" dt="2023-06-14T12:43:40.797" v="28" actId="47"/>
        <pc:sldMkLst>
          <pc:docMk/>
          <pc:sldMk cId="2156261421" sldId="945"/>
        </pc:sldMkLst>
      </pc:sldChg>
      <pc:sldChg chg="addSp modSp new mod">
        <pc:chgData name="yechangqing" userId="9869b692-37df-47ec-97b9-0debc9dd442f" providerId="ADAL" clId="{82F90EEF-65CA-4153-A24F-A664EA97B39E}" dt="2023-06-20T03:27:07.547" v="2502" actId="20577"/>
        <pc:sldMkLst>
          <pc:docMk/>
          <pc:sldMk cId="1177348153" sldId="946"/>
        </pc:sldMkLst>
        <pc:spChg chg="add mod">
          <ac:chgData name="yechangqing" userId="9869b692-37df-47ec-97b9-0debc9dd442f" providerId="ADAL" clId="{82F90EEF-65CA-4153-A24F-A664EA97B39E}" dt="2023-06-14T13:40:16.563" v="1037"/>
          <ac:spMkLst>
            <pc:docMk/>
            <pc:sldMk cId="1177348153" sldId="946"/>
            <ac:spMk id="3" creationId="{DCEE26BC-3782-41C4-8FDA-A562F8DA6EF4}"/>
          </ac:spMkLst>
        </pc:spChg>
        <pc:spChg chg="add mod">
          <ac:chgData name="yechangqing" userId="9869b692-37df-47ec-97b9-0debc9dd442f" providerId="ADAL" clId="{82F90EEF-65CA-4153-A24F-A664EA97B39E}" dt="2023-06-14T13:52:36.236" v="1207" actId="1076"/>
          <ac:spMkLst>
            <pc:docMk/>
            <pc:sldMk cId="1177348153" sldId="946"/>
            <ac:spMk id="4" creationId="{9B4C574F-7552-44CE-8992-FD3735A72753}"/>
          </ac:spMkLst>
        </pc:spChg>
        <pc:spChg chg="add mod">
          <ac:chgData name="yechangqing" userId="9869b692-37df-47ec-97b9-0debc9dd442f" providerId="ADAL" clId="{82F90EEF-65CA-4153-A24F-A664EA97B39E}" dt="2023-06-20T03:27:07.547" v="2502" actId="20577"/>
          <ac:spMkLst>
            <pc:docMk/>
            <pc:sldMk cId="1177348153" sldId="946"/>
            <ac:spMk id="8" creationId="{8EE6020A-FD05-45FB-A4B1-21A8158857B0}"/>
          </ac:spMkLst>
        </pc:spChg>
        <pc:spChg chg="add mod">
          <ac:chgData name="yechangqing" userId="9869b692-37df-47ec-97b9-0debc9dd442f" providerId="ADAL" clId="{82F90EEF-65CA-4153-A24F-A664EA97B39E}" dt="2023-06-14T14:12:15.649" v="1301"/>
          <ac:spMkLst>
            <pc:docMk/>
            <pc:sldMk cId="1177348153" sldId="946"/>
            <ac:spMk id="9" creationId="{079EBA97-FAA2-4982-9536-70BDFA07B117}"/>
          </ac:spMkLst>
        </pc:spChg>
        <pc:picChg chg="add mod">
          <ac:chgData name="yechangqing" userId="9869b692-37df-47ec-97b9-0debc9dd442f" providerId="ADAL" clId="{82F90EEF-65CA-4153-A24F-A664EA97B39E}" dt="2023-06-14T14:11:12.610" v="1242" actId="1076"/>
          <ac:picMkLst>
            <pc:docMk/>
            <pc:sldMk cId="1177348153" sldId="946"/>
            <ac:picMk id="6" creationId="{5D2DD9AF-6B24-45D1-9D2C-195FE5EEABC0}"/>
          </ac:picMkLst>
        </pc:picChg>
      </pc:sldChg>
      <pc:sldChg chg="del">
        <pc:chgData name="yechangqing" userId="9869b692-37df-47ec-97b9-0debc9dd442f" providerId="ADAL" clId="{82F90EEF-65CA-4153-A24F-A664EA97B39E}" dt="2023-06-14T12:43:42.294" v="31" actId="47"/>
        <pc:sldMkLst>
          <pc:docMk/>
          <pc:sldMk cId="2899268883" sldId="946"/>
        </pc:sldMkLst>
      </pc:sldChg>
      <pc:sldChg chg="addSp delSp modSp new mod modAnim modNotesTx">
        <pc:chgData name="yechangqing" userId="9869b692-37df-47ec-97b9-0debc9dd442f" providerId="ADAL" clId="{82F90EEF-65CA-4153-A24F-A664EA97B39E}" dt="2023-06-20T07:26:00.637" v="2977" actId="478"/>
        <pc:sldMkLst>
          <pc:docMk/>
          <pc:sldMk cId="410044408" sldId="947"/>
        </pc:sldMkLst>
        <pc:spChg chg="add mod">
          <ac:chgData name="yechangqing" userId="9869b692-37df-47ec-97b9-0debc9dd442f" providerId="ADAL" clId="{82F90EEF-65CA-4153-A24F-A664EA97B39E}" dt="2023-06-14T13:54:39.488" v="1216"/>
          <ac:spMkLst>
            <pc:docMk/>
            <pc:sldMk cId="410044408" sldId="947"/>
            <ac:spMk id="3" creationId="{C8FA1BA3-0588-45FD-9BB1-02C50D7618B4}"/>
          </ac:spMkLst>
        </pc:spChg>
        <pc:spChg chg="add mod">
          <ac:chgData name="yechangqing" userId="9869b692-37df-47ec-97b9-0debc9dd442f" providerId="ADAL" clId="{82F90EEF-65CA-4153-A24F-A664EA97B39E}" dt="2023-06-20T03:27:27.753" v="2511" actId="20577"/>
          <ac:spMkLst>
            <pc:docMk/>
            <pc:sldMk cId="410044408" sldId="947"/>
            <ac:spMk id="5" creationId="{A2FD1A21-1EAC-48B7-8167-45A4C9AAB028}"/>
          </ac:spMkLst>
        </pc:spChg>
        <pc:spChg chg="add mod">
          <ac:chgData name="yechangqing" userId="9869b692-37df-47ec-97b9-0debc9dd442f" providerId="ADAL" clId="{82F90EEF-65CA-4153-A24F-A664EA97B39E}" dt="2023-06-20T07:17:54.847" v="2763" actId="21"/>
          <ac:spMkLst>
            <pc:docMk/>
            <pc:sldMk cId="410044408" sldId="947"/>
            <ac:spMk id="6" creationId="{3F4C310C-BFA5-4ED3-A7BF-47747447F76A}"/>
          </ac:spMkLst>
        </pc:spChg>
        <pc:spChg chg="add del mod">
          <ac:chgData name="yechangqing" userId="9869b692-37df-47ec-97b9-0debc9dd442f" providerId="ADAL" clId="{82F90EEF-65CA-4153-A24F-A664EA97B39E}" dt="2023-06-20T07:25:59.029" v="2976" actId="478"/>
          <ac:spMkLst>
            <pc:docMk/>
            <pc:sldMk cId="410044408" sldId="947"/>
            <ac:spMk id="8" creationId="{B9CA3172-EFB2-44E6-9CA1-34BEC47250AF}"/>
          </ac:spMkLst>
        </pc:spChg>
        <pc:spChg chg="add mod">
          <ac:chgData name="yechangqing" userId="9869b692-37df-47ec-97b9-0debc9dd442f" providerId="ADAL" clId="{82F90EEF-65CA-4153-A24F-A664EA97B39E}" dt="2023-06-15T12:38:51.936" v="2126" actId="1076"/>
          <ac:spMkLst>
            <pc:docMk/>
            <pc:sldMk cId="410044408" sldId="947"/>
            <ac:spMk id="11" creationId="{84E7CB9C-ABFB-4525-BAC4-3F1BB96440F0}"/>
          </ac:spMkLst>
        </pc:spChg>
        <pc:picChg chg="add del mod">
          <ac:chgData name="yechangqing" userId="9869b692-37df-47ec-97b9-0debc9dd442f" providerId="ADAL" clId="{82F90EEF-65CA-4153-A24F-A664EA97B39E}" dt="2023-06-20T07:17:12.944" v="2737"/>
          <ac:picMkLst>
            <pc:docMk/>
            <pc:sldMk cId="410044408" sldId="947"/>
            <ac:picMk id="9" creationId="{4798C35E-43BE-4F2B-803C-730B790CE04A}"/>
          </ac:picMkLst>
        </pc:picChg>
        <pc:picChg chg="add del mod">
          <ac:chgData name="yechangqing" userId="9869b692-37df-47ec-97b9-0debc9dd442f" providerId="ADAL" clId="{82F90EEF-65CA-4153-A24F-A664EA97B39E}" dt="2023-06-20T07:26:00.637" v="2977" actId="478"/>
          <ac:picMkLst>
            <pc:docMk/>
            <pc:sldMk cId="410044408" sldId="947"/>
            <ac:picMk id="10" creationId="{09C131DD-8431-442A-B122-08376CD0E8C4}"/>
          </ac:picMkLst>
        </pc:picChg>
      </pc:sldChg>
      <pc:sldChg chg="addSp modSp new mod">
        <pc:chgData name="yechangqing" userId="9869b692-37df-47ec-97b9-0debc9dd442f" providerId="ADAL" clId="{82F90EEF-65CA-4153-A24F-A664EA97B39E}" dt="2023-06-15T07:34:21.557" v="1880"/>
        <pc:sldMkLst>
          <pc:docMk/>
          <pc:sldMk cId="258688113" sldId="948"/>
        </pc:sldMkLst>
        <pc:spChg chg="add mod">
          <ac:chgData name="yechangqing" userId="9869b692-37df-47ec-97b9-0debc9dd442f" providerId="ADAL" clId="{82F90EEF-65CA-4153-A24F-A664EA97B39E}" dt="2023-06-15T07:34:21.557" v="1880"/>
          <ac:spMkLst>
            <pc:docMk/>
            <pc:sldMk cId="258688113" sldId="948"/>
            <ac:spMk id="3" creationId="{C446D471-E289-4EFE-A01D-9ADBDA9DC387}"/>
          </ac:spMkLst>
        </pc:spChg>
      </pc:sldChg>
      <pc:sldChg chg="modSp add mod">
        <pc:chgData name="yechangqing" userId="9869b692-37df-47ec-97b9-0debc9dd442f" providerId="ADAL" clId="{82F90EEF-65CA-4153-A24F-A664EA97B39E}" dt="2023-06-15T07:34:42.054" v="1886"/>
        <pc:sldMkLst>
          <pc:docMk/>
          <pc:sldMk cId="1608385716" sldId="949"/>
        </pc:sldMkLst>
        <pc:spChg chg="mod">
          <ac:chgData name="yechangqing" userId="9869b692-37df-47ec-97b9-0debc9dd442f" providerId="ADAL" clId="{82F90EEF-65CA-4153-A24F-A664EA97B39E}" dt="2023-06-15T07:34:42.054" v="1886"/>
          <ac:spMkLst>
            <pc:docMk/>
            <pc:sldMk cId="1608385716" sldId="949"/>
            <ac:spMk id="3" creationId="{C446D471-E289-4EFE-A01D-9ADBDA9DC387}"/>
          </ac:spMkLst>
        </pc:spChg>
      </pc:sldChg>
      <pc:sldChg chg="addSp modSp new mod">
        <pc:chgData name="yechangqing" userId="9869b692-37df-47ec-97b9-0debc9dd442f" providerId="ADAL" clId="{82F90EEF-65CA-4153-A24F-A664EA97B39E}" dt="2023-06-20T08:38:53.728" v="3125" actId="1076"/>
        <pc:sldMkLst>
          <pc:docMk/>
          <pc:sldMk cId="388480496" sldId="950"/>
        </pc:sldMkLst>
        <pc:spChg chg="add mod">
          <ac:chgData name="yechangqing" userId="9869b692-37df-47ec-97b9-0debc9dd442f" providerId="ADAL" clId="{82F90EEF-65CA-4153-A24F-A664EA97B39E}" dt="2023-06-15T08:57:53.373" v="2078" actId="20577"/>
          <ac:spMkLst>
            <pc:docMk/>
            <pc:sldMk cId="388480496" sldId="950"/>
            <ac:spMk id="3" creationId="{09A5DA2B-F914-45E3-BF11-A6FA1E9FCABC}"/>
          </ac:spMkLst>
        </pc:spChg>
        <pc:picChg chg="add mod">
          <ac:chgData name="yechangqing" userId="9869b692-37df-47ec-97b9-0debc9dd442f" providerId="ADAL" clId="{82F90EEF-65CA-4153-A24F-A664EA97B39E}" dt="2023-06-20T08:38:19.571" v="3120" actId="14100"/>
          <ac:picMkLst>
            <pc:docMk/>
            <pc:sldMk cId="388480496" sldId="950"/>
            <ac:picMk id="5" creationId="{C7C32D40-B304-4630-A1C0-BE9747AD9E44}"/>
          </ac:picMkLst>
        </pc:picChg>
        <pc:picChg chg="add mod">
          <ac:chgData name="yechangqing" userId="9869b692-37df-47ec-97b9-0debc9dd442f" providerId="ADAL" clId="{82F90EEF-65CA-4153-A24F-A664EA97B39E}" dt="2023-06-20T08:38:53.728" v="3125" actId="1076"/>
          <ac:picMkLst>
            <pc:docMk/>
            <pc:sldMk cId="388480496" sldId="950"/>
            <ac:picMk id="7" creationId="{0DFE2E31-10EE-4E1D-B78C-EE3C532CC578}"/>
          </ac:picMkLst>
        </pc:picChg>
      </pc:sldChg>
      <pc:sldChg chg="new del">
        <pc:chgData name="yechangqing" userId="9869b692-37df-47ec-97b9-0debc9dd442f" providerId="ADAL" clId="{82F90EEF-65CA-4153-A24F-A664EA97B39E}" dt="2023-06-15T12:48:39.911" v="2148" actId="47"/>
        <pc:sldMkLst>
          <pc:docMk/>
          <pc:sldMk cId="3516066105" sldId="951"/>
        </pc:sldMkLst>
      </pc:sldChg>
      <pc:sldChg chg="addSp modSp add mod ord">
        <pc:chgData name="yechangqing" userId="9869b692-37df-47ec-97b9-0debc9dd442f" providerId="ADAL" clId="{82F90EEF-65CA-4153-A24F-A664EA97B39E}" dt="2023-06-15T13:35:19.976" v="2291" actId="20577"/>
        <pc:sldMkLst>
          <pc:docMk/>
          <pc:sldMk cId="1791815845" sldId="952"/>
        </pc:sldMkLst>
        <pc:spChg chg="add mod">
          <ac:chgData name="yechangqing" userId="9869b692-37df-47ec-97b9-0debc9dd442f" providerId="ADAL" clId="{82F90EEF-65CA-4153-A24F-A664EA97B39E}" dt="2023-06-15T12:48:52.513" v="2156"/>
          <ac:spMkLst>
            <pc:docMk/>
            <pc:sldMk cId="1791815845" sldId="952"/>
            <ac:spMk id="3" creationId="{F51B367A-DF32-4A8B-B5CB-A55F9E907A97}"/>
          </ac:spMkLst>
        </pc:spChg>
        <pc:spChg chg="add mod">
          <ac:chgData name="yechangqing" userId="9869b692-37df-47ec-97b9-0debc9dd442f" providerId="ADAL" clId="{82F90EEF-65CA-4153-A24F-A664EA97B39E}" dt="2023-06-15T13:35:19.976" v="2291" actId="20577"/>
          <ac:spMkLst>
            <pc:docMk/>
            <pc:sldMk cId="1791815845" sldId="952"/>
            <ac:spMk id="4" creationId="{6E7DDF4C-FE80-4572-9CB0-E67DB6E1E4EB}"/>
          </ac:spMkLst>
        </pc:spChg>
        <pc:picChg chg="add mod">
          <ac:chgData name="yechangqing" userId="9869b692-37df-47ec-97b9-0debc9dd442f" providerId="ADAL" clId="{82F90EEF-65CA-4153-A24F-A664EA97B39E}" dt="2023-06-15T13:08:42.703" v="2159"/>
          <ac:picMkLst>
            <pc:docMk/>
            <pc:sldMk cId="1791815845" sldId="952"/>
            <ac:picMk id="5" creationId="{552D9214-0383-47FC-95CB-A0C1E065AD74}"/>
          </ac:picMkLst>
        </pc:picChg>
        <pc:picChg chg="add mod">
          <ac:chgData name="yechangqing" userId="9869b692-37df-47ec-97b9-0debc9dd442f" providerId="ADAL" clId="{82F90EEF-65CA-4153-A24F-A664EA97B39E}" dt="2023-06-15T13:08:55.772" v="2163" actId="1076"/>
          <ac:picMkLst>
            <pc:docMk/>
            <pc:sldMk cId="1791815845" sldId="952"/>
            <ac:picMk id="6" creationId="{BDE637CF-51E1-45AF-BB7C-AE07F8EF359C}"/>
          </ac:picMkLst>
        </pc:picChg>
      </pc:sldChg>
      <pc:sldChg chg="addSp modSp new mod">
        <pc:chgData name="yechangqing" userId="9869b692-37df-47ec-97b9-0debc9dd442f" providerId="ADAL" clId="{82F90EEF-65CA-4153-A24F-A664EA97B39E}" dt="2023-06-19T08:04:01.748" v="2498" actId="1076"/>
        <pc:sldMkLst>
          <pc:docMk/>
          <pc:sldMk cId="453277545" sldId="953"/>
        </pc:sldMkLst>
        <pc:spChg chg="add mod">
          <ac:chgData name="yechangqing" userId="9869b692-37df-47ec-97b9-0debc9dd442f" providerId="ADAL" clId="{82F90EEF-65CA-4153-A24F-A664EA97B39E}" dt="2023-06-15T13:45:38.791" v="2335"/>
          <ac:spMkLst>
            <pc:docMk/>
            <pc:sldMk cId="453277545" sldId="953"/>
            <ac:spMk id="5" creationId="{DEE5006A-9BD5-49C4-9E14-6242221D8A96}"/>
          </ac:spMkLst>
        </pc:spChg>
        <pc:spChg chg="add mod">
          <ac:chgData name="yechangqing" userId="9869b692-37df-47ec-97b9-0debc9dd442f" providerId="ADAL" clId="{82F90EEF-65CA-4153-A24F-A664EA97B39E}" dt="2023-06-19T08:04:01.748" v="2498" actId="1076"/>
          <ac:spMkLst>
            <pc:docMk/>
            <pc:sldMk cId="453277545" sldId="953"/>
            <ac:spMk id="7" creationId="{B9235110-A8B9-4E45-B526-CBF5B011915E}"/>
          </ac:spMkLst>
        </pc:spChg>
        <pc:picChg chg="add mod">
          <ac:chgData name="yechangqing" userId="9869b692-37df-47ec-97b9-0debc9dd442f" providerId="ADAL" clId="{82F90EEF-65CA-4153-A24F-A664EA97B39E}" dt="2023-06-15T13:51:02.339" v="2446" actId="1076"/>
          <ac:picMkLst>
            <pc:docMk/>
            <pc:sldMk cId="453277545" sldId="953"/>
            <ac:picMk id="4" creationId="{D4F26A21-FB1F-4B6E-92E8-13C643BBA9E3}"/>
          </ac:picMkLst>
        </pc:picChg>
        <pc:picChg chg="add mod">
          <ac:chgData name="yechangqing" userId="9869b692-37df-47ec-97b9-0debc9dd442f" providerId="ADAL" clId="{82F90EEF-65CA-4153-A24F-A664EA97B39E}" dt="2023-06-15T13:46:19.984" v="2349" actId="1076"/>
          <ac:picMkLst>
            <pc:docMk/>
            <pc:sldMk cId="453277545" sldId="953"/>
            <ac:picMk id="6" creationId="{447565C7-8A69-4D95-B623-746B0E86A9D8}"/>
          </ac:picMkLst>
        </pc:picChg>
      </pc:sldChg>
      <pc:sldChg chg="addSp delSp modSp new mod delAnim modAnim">
        <pc:chgData name="yechangqing" userId="9869b692-37df-47ec-97b9-0debc9dd442f" providerId="ADAL" clId="{82F90EEF-65CA-4153-A24F-A664EA97B39E}" dt="2023-06-20T07:21:07.669" v="2895" actId="1076"/>
        <pc:sldMkLst>
          <pc:docMk/>
          <pc:sldMk cId="870223193" sldId="954"/>
        </pc:sldMkLst>
        <pc:spChg chg="add mod">
          <ac:chgData name="yechangqing" userId="9869b692-37df-47ec-97b9-0debc9dd442f" providerId="ADAL" clId="{82F90EEF-65CA-4153-A24F-A664EA97B39E}" dt="2023-06-20T07:17:39.278" v="2755" actId="20577"/>
          <ac:spMkLst>
            <pc:docMk/>
            <pc:sldMk cId="870223193" sldId="954"/>
            <ac:spMk id="3" creationId="{EB207B25-8864-451E-B3DC-A5DC0AF426EA}"/>
          </ac:spMkLst>
        </pc:spChg>
        <pc:spChg chg="add mod">
          <ac:chgData name="yechangqing" userId="9869b692-37df-47ec-97b9-0debc9dd442f" providerId="ADAL" clId="{82F90EEF-65CA-4153-A24F-A664EA97B39E}" dt="2023-06-20T07:20:52.107" v="2890" actId="1035"/>
          <ac:spMkLst>
            <pc:docMk/>
            <pc:sldMk cId="870223193" sldId="954"/>
            <ac:spMk id="5" creationId="{15F430C4-4C68-4C90-94C4-42C1281418D4}"/>
          </ac:spMkLst>
        </pc:spChg>
        <pc:spChg chg="add del mod">
          <ac:chgData name="yechangqing" userId="9869b692-37df-47ec-97b9-0debc9dd442f" providerId="ADAL" clId="{82F90EEF-65CA-4153-A24F-A664EA97B39E}" dt="2023-06-20T06:37:29.093" v="2589"/>
          <ac:spMkLst>
            <pc:docMk/>
            <pc:sldMk cId="870223193" sldId="954"/>
            <ac:spMk id="7" creationId="{C4D446BC-F32F-47C0-8053-8553263F18B5}"/>
          </ac:spMkLst>
        </pc:spChg>
        <pc:spChg chg="add mod">
          <ac:chgData name="yechangqing" userId="9869b692-37df-47ec-97b9-0debc9dd442f" providerId="ADAL" clId="{82F90EEF-65CA-4153-A24F-A664EA97B39E}" dt="2023-06-20T07:21:02.982" v="2893" actId="1076"/>
          <ac:spMkLst>
            <pc:docMk/>
            <pc:sldMk cId="870223193" sldId="954"/>
            <ac:spMk id="9" creationId="{F86DB1DA-38B1-4805-A69D-33979C7C43CE}"/>
          </ac:spMkLst>
        </pc:spChg>
        <pc:spChg chg="add del mod">
          <ac:chgData name="yechangqing" userId="9869b692-37df-47ec-97b9-0debc9dd442f" providerId="ADAL" clId="{82F90EEF-65CA-4153-A24F-A664EA97B39E}" dt="2023-06-20T07:11:00.646" v="2708"/>
          <ac:spMkLst>
            <pc:docMk/>
            <pc:sldMk cId="870223193" sldId="954"/>
            <ac:spMk id="11" creationId="{6E7A333D-8292-4D02-8E72-0CD35DF05DCC}"/>
          </ac:spMkLst>
        </pc:spChg>
        <pc:spChg chg="add mod">
          <ac:chgData name="yechangqing" userId="9869b692-37df-47ec-97b9-0debc9dd442f" providerId="ADAL" clId="{82F90EEF-65CA-4153-A24F-A664EA97B39E}" dt="2023-06-20T07:20:57.343" v="2892" actId="1076"/>
          <ac:spMkLst>
            <pc:docMk/>
            <pc:sldMk cId="870223193" sldId="954"/>
            <ac:spMk id="13" creationId="{10925FCD-0429-4492-A59C-99F634FDE01C}"/>
          </ac:spMkLst>
        </pc:spChg>
        <pc:spChg chg="add mod">
          <ac:chgData name="yechangqing" userId="9869b692-37df-47ec-97b9-0debc9dd442f" providerId="ADAL" clId="{82F90EEF-65CA-4153-A24F-A664EA97B39E}" dt="2023-06-20T07:21:07.669" v="2895" actId="1076"/>
          <ac:spMkLst>
            <pc:docMk/>
            <pc:sldMk cId="870223193" sldId="954"/>
            <ac:spMk id="14" creationId="{CF526136-E0F6-43FA-9E8A-B1A6FBC6BFEB}"/>
          </ac:spMkLst>
        </pc:spChg>
        <pc:picChg chg="add mod modCrop">
          <ac:chgData name="yechangqing" userId="9869b692-37df-47ec-97b9-0debc9dd442f" providerId="ADAL" clId="{82F90EEF-65CA-4153-A24F-A664EA97B39E}" dt="2023-06-20T07:20:52.107" v="2890" actId="1035"/>
          <ac:picMkLst>
            <pc:docMk/>
            <pc:sldMk cId="870223193" sldId="954"/>
            <ac:picMk id="4" creationId="{95FB0D01-5D6F-43E7-81DD-39AD81EA38AA}"/>
          </ac:picMkLst>
        </pc:picChg>
        <pc:picChg chg="add del mod">
          <ac:chgData name="yechangqing" userId="9869b692-37df-47ec-97b9-0debc9dd442f" providerId="ADAL" clId="{82F90EEF-65CA-4153-A24F-A664EA97B39E}" dt="2023-06-20T07:17:57.975" v="2764" actId="478"/>
          <ac:picMkLst>
            <pc:docMk/>
            <pc:sldMk cId="870223193" sldId="954"/>
            <ac:picMk id="10" creationId="{B73041DD-66F3-45FF-AB20-E629D9C9693D}"/>
          </ac:picMkLst>
        </pc:picChg>
        <pc:cxnChg chg="add mod">
          <ac:chgData name="yechangqing" userId="9869b692-37df-47ec-97b9-0debc9dd442f" providerId="ADAL" clId="{82F90EEF-65CA-4153-A24F-A664EA97B39E}" dt="2023-06-20T07:20:52.107" v="2890" actId="1035"/>
          <ac:cxnSpMkLst>
            <pc:docMk/>
            <pc:sldMk cId="870223193" sldId="954"/>
            <ac:cxnSpMk id="6" creationId="{6A76D417-CE0D-483F-A276-FEDF6B7C956D}"/>
          </ac:cxnSpMkLst>
        </pc:cxnChg>
      </pc:sldChg>
      <pc:sldChg chg="addSp delSp modSp new del mod">
        <pc:chgData name="yechangqing" userId="9869b692-37df-47ec-97b9-0debc9dd442f" providerId="ADAL" clId="{82F90EEF-65CA-4153-A24F-A664EA97B39E}" dt="2023-06-20T06:33:38.496" v="2534" actId="47"/>
        <pc:sldMkLst>
          <pc:docMk/>
          <pc:sldMk cId="1197088123" sldId="954"/>
        </pc:sldMkLst>
        <pc:spChg chg="add del">
          <ac:chgData name="yechangqing" userId="9869b692-37df-47ec-97b9-0debc9dd442f" providerId="ADAL" clId="{82F90EEF-65CA-4153-A24F-A664EA97B39E}" dt="2023-06-20T06:32:55.190" v="2516" actId="22"/>
          <ac:spMkLst>
            <pc:docMk/>
            <pc:sldMk cId="1197088123" sldId="954"/>
            <ac:spMk id="4" creationId="{9D98307D-C5F7-4A72-8F1A-629341B7A4A6}"/>
          </ac:spMkLst>
        </pc:spChg>
        <pc:spChg chg="add mod">
          <ac:chgData name="yechangqing" userId="9869b692-37df-47ec-97b9-0debc9dd442f" providerId="ADAL" clId="{82F90EEF-65CA-4153-A24F-A664EA97B39E}" dt="2023-06-20T06:33:13.131" v="2527" actId="20577"/>
          <ac:spMkLst>
            <pc:docMk/>
            <pc:sldMk cId="1197088123" sldId="954"/>
            <ac:spMk id="5" creationId="{D0BDD632-D14A-4BC5-93E8-98746ECD4B94}"/>
          </ac:spMkLst>
        </pc:spChg>
        <pc:spChg chg="add del mod">
          <ac:chgData name="yechangqing" userId="9869b692-37df-47ec-97b9-0debc9dd442f" providerId="ADAL" clId="{82F90EEF-65CA-4153-A24F-A664EA97B39E}" dt="2023-06-20T06:33:36.987" v="2533" actId="478"/>
          <ac:spMkLst>
            <pc:docMk/>
            <pc:sldMk cId="1197088123" sldId="954"/>
            <ac:spMk id="7" creationId="{501662E0-82C5-4C9A-8F6F-1EB6842AC97C}"/>
          </ac:spMkLst>
        </pc:spChg>
      </pc:sldChg>
      <pc:sldChg chg="add del">
        <pc:chgData name="yechangqing" userId="9869b692-37df-47ec-97b9-0debc9dd442f" providerId="ADAL" clId="{82F90EEF-65CA-4153-A24F-A664EA97B39E}" dt="2023-06-20T07:17:44.268" v="2756" actId="47"/>
        <pc:sldMkLst>
          <pc:docMk/>
          <pc:sldMk cId="448321326" sldId="955"/>
        </pc:sldMkLst>
      </pc:sldChg>
      <pc:sldChg chg="addSp delSp modSp add mod ord delAnim">
        <pc:chgData name="yechangqing" userId="9869b692-37df-47ec-97b9-0debc9dd442f" providerId="ADAL" clId="{82F90EEF-65CA-4153-A24F-A664EA97B39E}" dt="2023-06-20T08:04:01.819" v="3109" actId="1076"/>
        <pc:sldMkLst>
          <pc:docMk/>
          <pc:sldMk cId="3332218059" sldId="955"/>
        </pc:sldMkLst>
        <pc:spChg chg="mod">
          <ac:chgData name="yechangqing" userId="9869b692-37df-47ec-97b9-0debc9dd442f" providerId="ADAL" clId="{82F90EEF-65CA-4153-A24F-A664EA97B39E}" dt="2023-06-20T07:18:20.311" v="2769" actId="20577"/>
          <ac:spMkLst>
            <pc:docMk/>
            <pc:sldMk cId="3332218059" sldId="955"/>
            <ac:spMk id="3" creationId="{EB207B25-8864-451E-B3DC-A5DC0AF426EA}"/>
          </ac:spMkLst>
        </pc:spChg>
        <pc:spChg chg="del mod">
          <ac:chgData name="yechangqing" userId="9869b692-37df-47ec-97b9-0debc9dd442f" providerId="ADAL" clId="{82F90EEF-65CA-4153-A24F-A664EA97B39E}" dt="2023-06-20T07:20:37.448" v="2851" actId="478"/>
          <ac:spMkLst>
            <pc:docMk/>
            <pc:sldMk cId="3332218059" sldId="955"/>
            <ac:spMk id="5" creationId="{15F430C4-4C68-4C90-94C4-42C1281418D4}"/>
          </ac:spMkLst>
        </pc:spChg>
        <pc:spChg chg="add mod">
          <ac:chgData name="yechangqing" userId="9869b692-37df-47ec-97b9-0debc9dd442f" providerId="ADAL" clId="{82F90EEF-65CA-4153-A24F-A664EA97B39E}" dt="2023-06-20T07:22:12.215" v="2919" actId="1076"/>
          <ac:spMkLst>
            <pc:docMk/>
            <pc:sldMk cId="3332218059" sldId="955"/>
            <ac:spMk id="8" creationId="{59CEC5EF-1299-4E68-9676-CD25B36316D4}"/>
          </ac:spMkLst>
        </pc:spChg>
        <pc:spChg chg="del">
          <ac:chgData name="yechangqing" userId="9869b692-37df-47ec-97b9-0debc9dd442f" providerId="ADAL" clId="{82F90EEF-65CA-4153-A24F-A664EA97B39E}" dt="2023-06-20T07:20:38.752" v="2852" actId="478"/>
          <ac:spMkLst>
            <pc:docMk/>
            <pc:sldMk cId="3332218059" sldId="955"/>
            <ac:spMk id="9" creationId="{F86DB1DA-38B1-4805-A69D-33979C7C43CE}"/>
          </ac:spMkLst>
        </pc:spChg>
        <pc:spChg chg="add del mod">
          <ac:chgData name="yechangqing" userId="9869b692-37df-47ec-97b9-0debc9dd442f" providerId="ADAL" clId="{82F90EEF-65CA-4153-A24F-A664EA97B39E}" dt="2023-06-20T07:21:17.978" v="2900"/>
          <ac:spMkLst>
            <pc:docMk/>
            <pc:sldMk cId="3332218059" sldId="955"/>
            <ac:spMk id="11" creationId="{957B84D2-1314-407D-A0EA-1CA6D2474240}"/>
          </ac:spMkLst>
        </pc:spChg>
        <pc:spChg chg="add mod">
          <ac:chgData name="yechangqing" userId="9869b692-37df-47ec-97b9-0debc9dd442f" providerId="ADAL" clId="{82F90EEF-65CA-4153-A24F-A664EA97B39E}" dt="2023-06-20T07:21:17.394" v="2898"/>
          <ac:spMkLst>
            <pc:docMk/>
            <pc:sldMk cId="3332218059" sldId="955"/>
            <ac:spMk id="12" creationId="{6FA02930-10BB-4706-B50E-06FEFC80F9E8}"/>
          </ac:spMkLst>
        </pc:spChg>
        <pc:spChg chg="add mod">
          <ac:chgData name="yechangqing" userId="9869b692-37df-47ec-97b9-0debc9dd442f" providerId="ADAL" clId="{82F90EEF-65CA-4153-A24F-A664EA97B39E}" dt="2023-06-20T07:22:15.014" v="2921" actId="20577"/>
          <ac:spMkLst>
            <pc:docMk/>
            <pc:sldMk cId="3332218059" sldId="955"/>
            <ac:spMk id="15" creationId="{47B3F40B-26E5-420D-B88E-6003A6C084A0}"/>
          </ac:spMkLst>
        </pc:spChg>
        <pc:spChg chg="add del mod">
          <ac:chgData name="yechangqing" userId="9869b692-37df-47ec-97b9-0debc9dd442f" providerId="ADAL" clId="{82F90EEF-65CA-4153-A24F-A664EA97B39E}" dt="2023-06-20T07:23:52.360" v="2931" actId="478"/>
          <ac:spMkLst>
            <pc:docMk/>
            <pc:sldMk cId="3332218059" sldId="955"/>
            <ac:spMk id="17" creationId="{D3BBF1E9-88BD-47EE-BAA9-88D202707AB9}"/>
          </ac:spMkLst>
        </pc:spChg>
        <pc:spChg chg="add mod">
          <ac:chgData name="yechangqing" userId="9869b692-37df-47ec-97b9-0debc9dd442f" providerId="ADAL" clId="{82F90EEF-65CA-4153-A24F-A664EA97B39E}" dt="2023-06-20T08:04:01.819" v="3109" actId="1076"/>
          <ac:spMkLst>
            <pc:docMk/>
            <pc:sldMk cId="3332218059" sldId="955"/>
            <ac:spMk id="19" creationId="{847CE21A-B4E2-43F4-ABF7-83ED9E627EDA}"/>
          </ac:spMkLst>
        </pc:spChg>
        <pc:picChg chg="del">
          <ac:chgData name="yechangqing" userId="9869b692-37df-47ec-97b9-0debc9dd442f" providerId="ADAL" clId="{82F90EEF-65CA-4153-A24F-A664EA97B39E}" dt="2023-06-20T07:20:34.849" v="2848" actId="478"/>
          <ac:picMkLst>
            <pc:docMk/>
            <pc:sldMk cId="3332218059" sldId="955"/>
            <ac:picMk id="4" creationId="{95FB0D01-5D6F-43E7-81DD-39AD81EA38AA}"/>
          </ac:picMkLst>
        </pc:picChg>
        <pc:picChg chg="del">
          <ac:chgData name="yechangqing" userId="9869b692-37df-47ec-97b9-0debc9dd442f" providerId="ADAL" clId="{82F90EEF-65CA-4153-A24F-A664EA97B39E}" dt="2023-06-20T07:20:39.633" v="2853" actId="478"/>
          <ac:picMkLst>
            <pc:docMk/>
            <pc:sldMk cId="3332218059" sldId="955"/>
            <ac:picMk id="10" creationId="{B73041DD-66F3-45FF-AB20-E629D9C9693D}"/>
          </ac:picMkLst>
        </pc:picChg>
        <pc:picChg chg="add mod">
          <ac:chgData name="yechangqing" userId="9869b692-37df-47ec-97b9-0debc9dd442f" providerId="ADAL" clId="{82F90EEF-65CA-4153-A24F-A664EA97B39E}" dt="2023-06-20T07:22:12.215" v="2919" actId="1076"/>
          <ac:picMkLst>
            <pc:docMk/>
            <pc:sldMk cId="3332218059" sldId="955"/>
            <ac:picMk id="13" creationId="{3DB59896-0AC2-4F76-9FF0-02D84429CF94}"/>
          </ac:picMkLst>
        </pc:picChg>
        <pc:picChg chg="add del mod">
          <ac:chgData name="yechangqing" userId="9869b692-37df-47ec-97b9-0debc9dd442f" providerId="ADAL" clId="{82F90EEF-65CA-4153-A24F-A664EA97B39E}" dt="2023-06-20T07:22:31.771" v="2922" actId="478"/>
          <ac:picMkLst>
            <pc:docMk/>
            <pc:sldMk cId="3332218059" sldId="955"/>
            <ac:picMk id="14" creationId="{7291FD14-B37A-4409-A538-F8B83AA488E6}"/>
          </ac:picMkLst>
        </pc:picChg>
        <pc:picChg chg="add del mod">
          <ac:chgData name="yechangqing" userId="9869b692-37df-47ec-97b9-0debc9dd442f" providerId="ADAL" clId="{82F90EEF-65CA-4153-A24F-A664EA97B39E}" dt="2023-06-20T08:02:38.519" v="3102" actId="478"/>
          <ac:picMkLst>
            <pc:docMk/>
            <pc:sldMk cId="3332218059" sldId="955"/>
            <ac:picMk id="16" creationId="{622A66FA-508C-4425-A460-8342F84E3DB9}"/>
          </ac:picMkLst>
        </pc:picChg>
        <pc:picChg chg="add mod">
          <ac:chgData name="yechangqing" userId="9869b692-37df-47ec-97b9-0debc9dd442f" providerId="ADAL" clId="{82F90EEF-65CA-4153-A24F-A664EA97B39E}" dt="2023-06-20T08:03:00.772" v="3107" actId="1076"/>
          <ac:picMkLst>
            <pc:docMk/>
            <pc:sldMk cId="3332218059" sldId="955"/>
            <ac:picMk id="21" creationId="{98961197-82B6-4016-AC91-44198EA25CA5}"/>
          </ac:picMkLst>
        </pc:picChg>
        <pc:cxnChg chg="del">
          <ac:chgData name="yechangqing" userId="9869b692-37df-47ec-97b9-0debc9dd442f" providerId="ADAL" clId="{82F90EEF-65CA-4153-A24F-A664EA97B39E}" dt="2023-06-20T07:20:36.015" v="2849" actId="478"/>
          <ac:cxnSpMkLst>
            <pc:docMk/>
            <pc:sldMk cId="3332218059" sldId="955"/>
            <ac:cxnSpMk id="6" creationId="{6A76D417-CE0D-483F-A276-FEDF6B7C956D}"/>
          </ac:cxnSpMkLst>
        </pc:cxnChg>
        <pc:cxnChg chg="add del mod">
          <ac:chgData name="yechangqing" userId="9869b692-37df-47ec-97b9-0debc9dd442f" providerId="ADAL" clId="{82F90EEF-65CA-4153-A24F-A664EA97B39E}" dt="2023-06-20T07:23:52.360" v="2931" actId="478"/>
          <ac:cxnSpMkLst>
            <pc:docMk/>
            <pc:sldMk cId="3332218059" sldId="955"/>
            <ac:cxnSpMk id="18" creationId="{917AC0C8-2B53-4D3D-A033-6AAA732894DF}"/>
          </ac:cxnSpMkLst>
        </pc:cxnChg>
      </pc:sldChg>
      <pc:sldChg chg="addSp modSp add del mod ord modAnim">
        <pc:chgData name="yechangqing" userId="9869b692-37df-47ec-97b9-0debc9dd442f" providerId="ADAL" clId="{82F90EEF-65CA-4153-A24F-A664EA97B39E}" dt="2023-06-20T08:06:48.136" v="3116" actId="14100"/>
        <pc:sldMkLst>
          <pc:docMk/>
          <pc:sldMk cId="2012121292" sldId="956"/>
        </pc:sldMkLst>
        <pc:spChg chg="mod">
          <ac:chgData name="yechangqing" userId="9869b692-37df-47ec-97b9-0debc9dd442f" providerId="ADAL" clId="{82F90EEF-65CA-4153-A24F-A664EA97B39E}" dt="2023-06-20T07:28:56.618" v="2986" actId="20577"/>
          <ac:spMkLst>
            <pc:docMk/>
            <pc:sldMk cId="2012121292" sldId="956"/>
            <ac:spMk id="3" creationId="{EB207B25-8864-451E-B3DC-A5DC0AF426EA}"/>
          </ac:spMkLst>
        </pc:spChg>
        <pc:spChg chg="mod">
          <ac:chgData name="yechangqing" userId="9869b692-37df-47ec-97b9-0debc9dd442f" providerId="ADAL" clId="{82F90EEF-65CA-4153-A24F-A664EA97B39E}" dt="2023-06-20T07:36:11.564" v="2999" actId="207"/>
          <ac:spMkLst>
            <pc:docMk/>
            <pc:sldMk cId="2012121292" sldId="956"/>
            <ac:spMk id="5" creationId="{15F430C4-4C68-4C90-94C4-42C1281418D4}"/>
          </ac:spMkLst>
        </pc:spChg>
        <pc:spChg chg="mod">
          <ac:chgData name="yechangqing" userId="9869b692-37df-47ec-97b9-0debc9dd442f" providerId="ADAL" clId="{82F90EEF-65CA-4153-A24F-A664EA97B39E}" dt="2023-06-20T08:05:59.909" v="3115"/>
          <ac:spMkLst>
            <pc:docMk/>
            <pc:sldMk cId="2012121292" sldId="956"/>
            <ac:spMk id="9" creationId="{F86DB1DA-38B1-4805-A69D-33979C7C43CE}"/>
          </ac:spMkLst>
        </pc:spChg>
        <pc:spChg chg="add mod">
          <ac:chgData name="yechangqing" userId="9869b692-37df-47ec-97b9-0debc9dd442f" providerId="ADAL" clId="{82F90EEF-65CA-4153-A24F-A664EA97B39E}" dt="2023-06-20T07:36:57.584" v="3019" actId="207"/>
          <ac:spMkLst>
            <pc:docMk/>
            <pc:sldMk cId="2012121292" sldId="956"/>
            <ac:spMk id="12" creationId="{DEF56F49-7E47-4AE4-AF60-AE847EA00674}"/>
          </ac:spMkLst>
        </pc:spChg>
        <pc:picChg chg="mod modCrop">
          <ac:chgData name="yechangqing" userId="9869b692-37df-47ec-97b9-0debc9dd442f" providerId="ADAL" clId="{82F90EEF-65CA-4153-A24F-A664EA97B39E}" dt="2023-06-20T07:38:14.484" v="3025" actId="732"/>
          <ac:picMkLst>
            <pc:docMk/>
            <pc:sldMk cId="2012121292" sldId="956"/>
            <ac:picMk id="4" creationId="{95FB0D01-5D6F-43E7-81DD-39AD81EA38AA}"/>
          </ac:picMkLst>
        </pc:picChg>
        <pc:picChg chg="mod modCrop">
          <ac:chgData name="yechangqing" userId="9869b692-37df-47ec-97b9-0debc9dd442f" providerId="ADAL" clId="{82F90EEF-65CA-4153-A24F-A664EA97B39E}" dt="2023-06-20T07:37:54.401" v="3023" actId="732"/>
          <ac:picMkLst>
            <pc:docMk/>
            <pc:sldMk cId="2012121292" sldId="956"/>
            <ac:picMk id="10" creationId="{B73041DD-66F3-45FF-AB20-E629D9C9693D}"/>
          </ac:picMkLst>
        </pc:picChg>
        <pc:cxnChg chg="add mod">
          <ac:chgData name="yechangqing" userId="9869b692-37df-47ec-97b9-0debc9dd442f" providerId="ADAL" clId="{82F90EEF-65CA-4153-A24F-A664EA97B39E}" dt="2023-06-20T08:06:48.136" v="3116" actId="14100"/>
          <ac:cxnSpMkLst>
            <pc:docMk/>
            <pc:sldMk cId="2012121292" sldId="956"/>
            <ac:cxnSpMk id="11" creationId="{80B1D026-2C4C-4DFB-9B3D-E098A98EEFA5}"/>
          </ac:cxnSpMkLst>
        </pc:cxnChg>
      </pc:sldChg>
      <pc:sldMasterChg chg="delSldLayout modSldLayout sldLayoutOrd">
        <pc:chgData name="yechangqing" userId="9869b692-37df-47ec-97b9-0debc9dd442f" providerId="ADAL" clId="{82F90EEF-65CA-4153-A24F-A664EA97B39E}" dt="2023-06-14T13:24:29.411" v="800" actId="478"/>
        <pc:sldMasterMkLst>
          <pc:docMk/>
          <pc:sldMasterMk cId="3866910221" sldId="2147483652"/>
        </pc:sldMasterMkLst>
        <pc:sldLayoutChg chg="del">
          <pc:chgData name="yechangqing" userId="9869b692-37df-47ec-97b9-0debc9dd442f" providerId="ADAL" clId="{82F90EEF-65CA-4153-A24F-A664EA97B39E}" dt="2023-06-14T12:43:42.294" v="31" actId="47"/>
          <pc:sldLayoutMkLst>
            <pc:docMk/>
            <pc:sldMasterMk cId="3866910221" sldId="2147483652"/>
            <pc:sldLayoutMk cId="3974541269" sldId="2147483664"/>
          </pc:sldLayoutMkLst>
        </pc:sldLayoutChg>
        <pc:sldLayoutChg chg="addSp delSp modSp mod ord">
          <pc:chgData name="yechangqing" userId="9869b692-37df-47ec-97b9-0debc9dd442f" providerId="ADAL" clId="{82F90EEF-65CA-4153-A24F-A664EA97B39E}" dt="2023-06-14T13:24:29.411" v="800" actId="478"/>
          <pc:sldLayoutMkLst>
            <pc:docMk/>
            <pc:sldMasterMk cId="3866910221" sldId="2147483652"/>
            <pc:sldLayoutMk cId="1346708599" sldId="2147483665"/>
          </pc:sldLayoutMkLst>
          <pc:spChg chg="add del">
            <ac:chgData name="yechangqing" userId="9869b692-37df-47ec-97b9-0debc9dd442f" providerId="ADAL" clId="{82F90EEF-65CA-4153-A24F-A664EA97B39E}" dt="2023-06-14T13:23:25.416" v="782" actId="11529"/>
            <ac:spMkLst>
              <pc:docMk/>
              <pc:sldMasterMk cId="3866910221" sldId="2147483652"/>
              <pc:sldLayoutMk cId="1346708599" sldId="2147483665"/>
              <ac:spMk id="2" creationId="{F7CAC0E4-7522-4124-851A-A1ECACFC90D8}"/>
            </ac:spMkLst>
          </pc:spChg>
          <pc:spChg chg="add del mod">
            <ac:chgData name="yechangqing" userId="9869b692-37df-47ec-97b9-0debc9dd442f" providerId="ADAL" clId="{82F90EEF-65CA-4153-A24F-A664EA97B39E}" dt="2023-06-14T13:23:25.416" v="782" actId="11529"/>
            <ac:spMkLst>
              <pc:docMk/>
              <pc:sldMasterMk cId="3866910221" sldId="2147483652"/>
              <pc:sldLayoutMk cId="1346708599" sldId="2147483665"/>
              <ac:spMk id="3" creationId="{9BF20C10-C75D-4F6E-A4EC-F05FB2A7D1D3}"/>
            </ac:spMkLst>
          </pc:spChg>
          <pc:spChg chg="add del mod">
            <ac:chgData name="yechangqing" userId="9869b692-37df-47ec-97b9-0debc9dd442f" providerId="ADAL" clId="{82F90EEF-65CA-4153-A24F-A664EA97B39E}" dt="2023-06-14T13:20:08.791" v="759" actId="478"/>
            <ac:spMkLst>
              <pc:docMk/>
              <pc:sldMasterMk cId="3866910221" sldId="2147483652"/>
              <pc:sldLayoutMk cId="1346708599" sldId="2147483665"/>
              <ac:spMk id="7" creationId="{25721B5A-E5A8-4CE5-BF7A-8E8B4B06AB76}"/>
            </ac:spMkLst>
          </pc:spChg>
          <pc:spChg chg="add del mod">
            <ac:chgData name="yechangqing" userId="9869b692-37df-47ec-97b9-0debc9dd442f" providerId="ADAL" clId="{82F90EEF-65CA-4153-A24F-A664EA97B39E}" dt="2023-06-14T13:24:20.856" v="794" actId="478"/>
            <ac:spMkLst>
              <pc:docMk/>
              <pc:sldMasterMk cId="3866910221" sldId="2147483652"/>
              <pc:sldLayoutMk cId="1346708599" sldId="2147483665"/>
              <ac:spMk id="9" creationId="{AA031ED4-5945-4329-B922-575E25E4533B}"/>
            </ac:spMkLst>
          </pc:spChg>
          <pc:spChg chg="add del">
            <ac:chgData name="yechangqing" userId="9869b692-37df-47ec-97b9-0debc9dd442f" providerId="ADAL" clId="{82F90EEF-65CA-4153-A24F-A664EA97B39E}" dt="2023-06-14T13:23:36.302" v="784" actId="11529"/>
            <ac:spMkLst>
              <pc:docMk/>
              <pc:sldMasterMk cId="3866910221" sldId="2147483652"/>
              <pc:sldLayoutMk cId="1346708599" sldId="2147483665"/>
              <ac:spMk id="10" creationId="{63EEA451-A787-45A4-9CC4-EB7489223514}"/>
            </ac:spMkLst>
          </pc:spChg>
          <pc:spChg chg="add del mod">
            <ac:chgData name="yechangqing" userId="9869b692-37df-47ec-97b9-0debc9dd442f" providerId="ADAL" clId="{82F90EEF-65CA-4153-A24F-A664EA97B39E}" dt="2023-06-14T13:23:36.302" v="784" actId="11529"/>
            <ac:spMkLst>
              <pc:docMk/>
              <pc:sldMasterMk cId="3866910221" sldId="2147483652"/>
              <pc:sldLayoutMk cId="1346708599" sldId="2147483665"/>
              <ac:spMk id="11" creationId="{352A594A-F71E-413B-98B2-DFE8CD194C52}"/>
            </ac:spMkLst>
          </pc:spChg>
          <pc:spChg chg="add del">
            <ac:chgData name="yechangqing" userId="9869b692-37df-47ec-97b9-0debc9dd442f" providerId="ADAL" clId="{82F90EEF-65CA-4153-A24F-A664EA97B39E}" dt="2023-06-14T13:23:57.755" v="785" actId="11529"/>
            <ac:spMkLst>
              <pc:docMk/>
              <pc:sldMasterMk cId="3866910221" sldId="2147483652"/>
              <pc:sldLayoutMk cId="1346708599" sldId="2147483665"/>
              <ac:spMk id="12" creationId="{50242C9D-E70D-45D2-AB85-A57450B64479}"/>
            </ac:spMkLst>
          </pc:spChg>
          <pc:spChg chg="add del mod">
            <ac:chgData name="yechangqing" userId="9869b692-37df-47ec-97b9-0debc9dd442f" providerId="ADAL" clId="{82F90EEF-65CA-4153-A24F-A664EA97B39E}" dt="2023-06-14T13:24:29.411" v="800" actId="478"/>
            <ac:spMkLst>
              <pc:docMk/>
              <pc:sldMasterMk cId="3866910221" sldId="2147483652"/>
              <pc:sldLayoutMk cId="1346708599" sldId="2147483665"/>
              <ac:spMk id="13" creationId="{6473302E-174A-4338-BF88-2E42664D22A9}"/>
            </ac:spMkLst>
          </pc:spChg>
          <pc:picChg chg="add del mod">
            <ac:chgData name="yechangqing" userId="9869b692-37df-47ec-97b9-0debc9dd442f" providerId="ADAL" clId="{82F90EEF-65CA-4153-A24F-A664EA97B39E}" dt="2023-06-14T13:24:26.897" v="798" actId="1076"/>
            <ac:picMkLst>
              <pc:docMk/>
              <pc:sldMasterMk cId="3866910221" sldId="2147483652"/>
              <pc:sldLayoutMk cId="1346708599" sldId="2147483665"/>
              <ac:picMk id="8" creationId="{427CADE0-5D59-48D7-B880-E1682443E79C}"/>
            </ac:picMkLst>
          </pc:picChg>
        </pc:sldLayoutChg>
      </pc:sldMasterChg>
    </pc:docChg>
  </pc:docChgLst>
  <pc:docChgLst>
    <pc:chgData name="yechangqing" userId="9869b692-37df-47ec-97b9-0debc9dd442f" providerId="ADAL" clId="{E4E897DA-27CC-4761-A0B3-DBC935B4E0E1}"/>
    <pc:docChg chg="undo custSel addSld modSld">
      <pc:chgData name="yechangqing" userId="9869b692-37df-47ec-97b9-0debc9dd442f" providerId="ADAL" clId="{E4E897DA-27CC-4761-A0B3-DBC935B4E0E1}" dt="2023-10-17T08:53:41.412" v="483" actId="20577"/>
      <pc:docMkLst>
        <pc:docMk/>
      </pc:docMkLst>
      <pc:sldChg chg="addSp delSp modSp mod">
        <pc:chgData name="yechangqing" userId="9869b692-37df-47ec-97b9-0debc9dd442f" providerId="ADAL" clId="{E4E897DA-27CC-4761-A0B3-DBC935B4E0E1}" dt="2023-10-17T07:44:39.266" v="42" actId="1076"/>
        <pc:sldMkLst>
          <pc:docMk/>
          <pc:sldMk cId="287502113" sldId="1028"/>
        </pc:sldMkLst>
        <pc:spChg chg="mod">
          <ac:chgData name="yechangqing" userId="9869b692-37df-47ec-97b9-0debc9dd442f" providerId="ADAL" clId="{E4E897DA-27CC-4761-A0B3-DBC935B4E0E1}" dt="2023-10-17T07:44:39.266" v="42" actId="1076"/>
          <ac:spMkLst>
            <pc:docMk/>
            <pc:sldMk cId="287502113" sldId="1028"/>
            <ac:spMk id="22" creationId="{19532056-A03A-4AD0-9D11-0CDC06C9B776}"/>
          </ac:spMkLst>
        </pc:spChg>
        <pc:picChg chg="add mod modCrop">
          <ac:chgData name="yechangqing" userId="9869b692-37df-47ec-97b9-0debc9dd442f" providerId="ADAL" clId="{E4E897DA-27CC-4761-A0B3-DBC935B4E0E1}" dt="2023-10-17T07:43:26.260" v="9" actId="1076"/>
          <ac:picMkLst>
            <pc:docMk/>
            <pc:sldMk cId="287502113" sldId="1028"/>
            <ac:picMk id="5" creationId="{6B3887CE-F6D2-41CF-9837-DF4E2DCCE14C}"/>
          </ac:picMkLst>
        </pc:picChg>
        <pc:picChg chg="del">
          <ac:chgData name="yechangqing" userId="9869b692-37df-47ec-97b9-0debc9dd442f" providerId="ADAL" clId="{E4E897DA-27CC-4761-A0B3-DBC935B4E0E1}" dt="2023-10-17T07:43:12.055" v="0" actId="478"/>
          <ac:picMkLst>
            <pc:docMk/>
            <pc:sldMk cId="287502113" sldId="1028"/>
            <ac:picMk id="9" creationId="{07F06EE0-3914-46C4-8C39-1077AB7331C7}"/>
          </ac:picMkLst>
        </pc:picChg>
      </pc:sldChg>
      <pc:sldChg chg="modSp mod">
        <pc:chgData name="yechangqing" userId="9869b692-37df-47ec-97b9-0debc9dd442f" providerId="ADAL" clId="{E4E897DA-27CC-4761-A0B3-DBC935B4E0E1}" dt="2023-10-17T07:45:57.979" v="65" actId="20577"/>
        <pc:sldMkLst>
          <pc:docMk/>
          <pc:sldMk cId="3333064006" sldId="1032"/>
        </pc:sldMkLst>
        <pc:spChg chg="mod">
          <ac:chgData name="yechangqing" userId="9869b692-37df-47ec-97b9-0debc9dd442f" providerId="ADAL" clId="{E4E897DA-27CC-4761-A0B3-DBC935B4E0E1}" dt="2023-10-17T07:45:57.979" v="65" actId="20577"/>
          <ac:spMkLst>
            <pc:docMk/>
            <pc:sldMk cId="3333064006" sldId="1032"/>
            <ac:spMk id="16" creationId="{ABA2C66F-42F4-4E4F-84F4-8BCDF35E7845}"/>
          </ac:spMkLst>
        </pc:spChg>
      </pc:sldChg>
      <pc:sldChg chg="addSp modSp mod">
        <pc:chgData name="yechangqing" userId="9869b692-37df-47ec-97b9-0debc9dd442f" providerId="ADAL" clId="{E4E897DA-27CC-4761-A0B3-DBC935B4E0E1}" dt="2023-10-17T08:07:36.410" v="111" actId="20577"/>
        <pc:sldMkLst>
          <pc:docMk/>
          <pc:sldMk cId="1694769974" sldId="1033"/>
        </pc:sldMkLst>
        <pc:spChg chg="mod">
          <ac:chgData name="yechangqing" userId="9869b692-37df-47ec-97b9-0debc9dd442f" providerId="ADAL" clId="{E4E897DA-27CC-4761-A0B3-DBC935B4E0E1}" dt="2023-10-17T08:07:36.410" v="111" actId="20577"/>
          <ac:spMkLst>
            <pc:docMk/>
            <pc:sldMk cId="1694769974" sldId="1033"/>
            <ac:spMk id="4" creationId="{971AC54F-1A39-41A7-93E8-8E35997CAF10}"/>
          </ac:spMkLst>
        </pc:spChg>
        <pc:graphicFrameChg chg="add mod modGraphic">
          <ac:chgData name="yechangqing" userId="9869b692-37df-47ec-97b9-0debc9dd442f" providerId="ADAL" clId="{E4E897DA-27CC-4761-A0B3-DBC935B4E0E1}" dt="2023-10-17T08:07:03.643" v="110" actId="1076"/>
          <ac:graphicFrameMkLst>
            <pc:docMk/>
            <pc:sldMk cId="1694769974" sldId="1033"/>
            <ac:graphicFrameMk id="5" creationId="{AD510E8F-513A-42DF-92DF-49E9D7489728}"/>
          </ac:graphicFrameMkLst>
        </pc:graphicFrameChg>
      </pc:sldChg>
      <pc:sldChg chg="addSp delSp modSp new mod">
        <pc:chgData name="yechangqing" userId="9869b692-37df-47ec-97b9-0debc9dd442f" providerId="ADAL" clId="{E4E897DA-27CC-4761-A0B3-DBC935B4E0E1}" dt="2023-10-17T08:53:41.412" v="483" actId="20577"/>
        <pc:sldMkLst>
          <pc:docMk/>
          <pc:sldMk cId="3301176131" sldId="1034"/>
        </pc:sldMkLst>
        <pc:spChg chg="mod">
          <ac:chgData name="yechangqing" userId="9869b692-37df-47ec-97b9-0debc9dd442f" providerId="ADAL" clId="{E4E897DA-27CC-4761-A0B3-DBC935B4E0E1}" dt="2023-10-17T07:44:59.457" v="63" actId="20577"/>
          <ac:spMkLst>
            <pc:docMk/>
            <pc:sldMk cId="3301176131" sldId="1034"/>
            <ac:spMk id="3" creationId="{AE22F293-7E2D-4E2A-B2A1-285A8E0F29E3}"/>
          </ac:spMkLst>
        </pc:spChg>
        <pc:spChg chg="add mod">
          <ac:chgData name="yechangqing" userId="9869b692-37df-47ec-97b9-0debc9dd442f" providerId="ADAL" clId="{E4E897DA-27CC-4761-A0B3-DBC935B4E0E1}" dt="2023-10-17T08:53:41.412" v="483" actId="20577"/>
          <ac:spMkLst>
            <pc:docMk/>
            <pc:sldMk cId="3301176131" sldId="1034"/>
            <ac:spMk id="4" creationId="{B50EBD64-8207-4E12-BB20-94E34C4C1711}"/>
          </ac:spMkLst>
        </pc:spChg>
        <pc:spChg chg="add del mod">
          <ac:chgData name="yechangqing" userId="9869b692-37df-47ec-97b9-0debc9dd442f" providerId="ADAL" clId="{E4E897DA-27CC-4761-A0B3-DBC935B4E0E1}" dt="2023-10-17T08:48:12.428" v="373"/>
          <ac:spMkLst>
            <pc:docMk/>
            <pc:sldMk cId="3301176131" sldId="1034"/>
            <ac:spMk id="7" creationId="{3053246B-26AF-442C-92DF-FBC0A9446921}"/>
          </ac:spMkLst>
        </pc:spChg>
        <pc:graphicFrameChg chg="add mod">
          <ac:chgData name="yechangqing" userId="9869b692-37df-47ec-97b9-0debc9dd442f" providerId="ADAL" clId="{E4E897DA-27CC-4761-A0B3-DBC935B4E0E1}" dt="2023-10-17T08:48:32.435" v="401" actId="20577"/>
          <ac:graphicFrameMkLst>
            <pc:docMk/>
            <pc:sldMk cId="3301176131" sldId="1034"/>
            <ac:graphicFrameMk id="5" creationId="{F791834E-E986-430B-8330-E410609C5FED}"/>
          </ac:graphicFrameMkLst>
        </pc:graphicFrameChg>
        <pc:graphicFrameChg chg="add mod">
          <ac:chgData name="yechangqing" userId="9869b692-37df-47ec-97b9-0debc9dd442f" providerId="ADAL" clId="{E4E897DA-27CC-4761-A0B3-DBC935B4E0E1}" dt="2023-10-17T08:50:27.530" v="450" actId="1076"/>
          <ac:graphicFrameMkLst>
            <pc:docMk/>
            <pc:sldMk cId="3301176131" sldId="1034"/>
            <ac:graphicFrameMk id="6" creationId="{42332D98-43A7-4795-A168-8FF4A99CE577}"/>
          </ac:graphicFrameMkLst>
        </pc:graphicFrameChg>
      </pc:sldChg>
    </pc:docChg>
  </pc:docChgLst>
  <pc:docChgLst>
    <pc:chgData name="yechangqing" userId="9869b692-37df-47ec-97b9-0debc9dd442f" providerId="ADAL" clId="{55120363-6229-40E2-9B00-124A26024E8A}"/>
    <pc:docChg chg="addSld delSld modSld">
      <pc:chgData name="yechangqing" userId="9869b692-37df-47ec-97b9-0debc9dd442f" providerId="ADAL" clId="{55120363-6229-40E2-9B00-124A26024E8A}" dt="2023-09-22T02:34:56.538" v="18" actId="20577"/>
      <pc:docMkLst>
        <pc:docMk/>
      </pc:docMkLst>
      <pc:sldChg chg="modSp mod">
        <pc:chgData name="yechangqing" userId="9869b692-37df-47ec-97b9-0debc9dd442f" providerId="ADAL" clId="{55120363-6229-40E2-9B00-124A26024E8A}" dt="2023-09-20T02:02:28.389" v="3" actId="20577"/>
        <pc:sldMkLst>
          <pc:docMk/>
          <pc:sldMk cId="0" sldId="258"/>
        </pc:sldMkLst>
        <pc:spChg chg="mod">
          <ac:chgData name="yechangqing" userId="9869b692-37df-47ec-97b9-0debc9dd442f" providerId="ADAL" clId="{55120363-6229-40E2-9B00-124A26024E8A}" dt="2023-09-20T02:02:28.389" v="3" actId="20577"/>
          <ac:spMkLst>
            <pc:docMk/>
            <pc:sldMk cId="0" sldId="258"/>
            <ac:spMk id="3076" creationId="{E2B2CE97-30DD-4DCC-9817-F5778BBFDA7C}"/>
          </ac:spMkLst>
        </pc:spChg>
      </pc:sldChg>
      <pc:sldChg chg="modSp add del mod">
        <pc:chgData name="yechangqing" userId="9869b692-37df-47ec-97b9-0debc9dd442f" providerId="ADAL" clId="{55120363-6229-40E2-9B00-124A26024E8A}" dt="2023-09-22T02:34:56.538" v="18" actId="20577"/>
        <pc:sldMkLst>
          <pc:docMk/>
          <pc:sldMk cId="3220842783" sldId="1040"/>
        </pc:sldMkLst>
        <pc:spChg chg="mod">
          <ac:chgData name="yechangqing" userId="9869b692-37df-47ec-97b9-0debc9dd442f" providerId="ADAL" clId="{55120363-6229-40E2-9B00-124A26024E8A}" dt="2023-09-22T02:34:56.538" v="18" actId="20577"/>
          <ac:spMkLst>
            <pc:docMk/>
            <pc:sldMk cId="3220842783" sldId="1040"/>
            <ac:spMk id="3" creationId="{7161A1E3-6CED-4936-82A1-141CEBAFE41F}"/>
          </ac:spMkLst>
        </pc:spChg>
      </pc:sldChg>
      <pc:sldChg chg="del">
        <pc:chgData name="yechangqing" userId="9869b692-37df-47ec-97b9-0debc9dd442f" providerId="ADAL" clId="{55120363-6229-40E2-9B00-124A26024E8A}" dt="2023-09-20T02:02:32.979" v="6" actId="47"/>
        <pc:sldMkLst>
          <pc:docMk/>
          <pc:sldMk cId="237856937" sldId="1043"/>
        </pc:sldMkLst>
      </pc:sldChg>
      <pc:sldChg chg="del">
        <pc:chgData name="yechangqing" userId="9869b692-37df-47ec-97b9-0debc9dd442f" providerId="ADAL" clId="{55120363-6229-40E2-9B00-124A26024E8A}" dt="2023-09-20T02:02:33.927" v="11" actId="47"/>
        <pc:sldMkLst>
          <pc:docMk/>
          <pc:sldMk cId="337150162" sldId="1044"/>
        </pc:sldMkLst>
      </pc:sldChg>
      <pc:sldChg chg="del">
        <pc:chgData name="yechangqing" userId="9869b692-37df-47ec-97b9-0debc9dd442f" providerId="ADAL" clId="{55120363-6229-40E2-9B00-124A26024E8A}" dt="2023-09-20T02:02:33.703" v="10" actId="47"/>
        <pc:sldMkLst>
          <pc:docMk/>
          <pc:sldMk cId="1795143511" sldId="1045"/>
        </pc:sldMkLst>
      </pc:sldChg>
      <pc:sldChg chg="del">
        <pc:chgData name="yechangqing" userId="9869b692-37df-47ec-97b9-0debc9dd442f" providerId="ADAL" clId="{55120363-6229-40E2-9B00-124A26024E8A}" dt="2023-09-20T02:02:33.181" v="7" actId="47"/>
        <pc:sldMkLst>
          <pc:docMk/>
          <pc:sldMk cId="4282144997" sldId="1046"/>
        </pc:sldMkLst>
      </pc:sldChg>
      <pc:sldChg chg="del">
        <pc:chgData name="yechangqing" userId="9869b692-37df-47ec-97b9-0debc9dd442f" providerId="ADAL" clId="{55120363-6229-40E2-9B00-124A26024E8A}" dt="2023-09-20T02:02:33.525" v="9" actId="47"/>
        <pc:sldMkLst>
          <pc:docMk/>
          <pc:sldMk cId="351685776" sldId="1048"/>
        </pc:sldMkLst>
      </pc:sldChg>
      <pc:sldChg chg="del">
        <pc:chgData name="yechangqing" userId="9869b692-37df-47ec-97b9-0debc9dd442f" providerId="ADAL" clId="{55120363-6229-40E2-9B00-124A26024E8A}" dt="2023-09-20T02:02:34.362" v="13" actId="47"/>
        <pc:sldMkLst>
          <pc:docMk/>
          <pc:sldMk cId="3723363159" sldId="1049"/>
        </pc:sldMkLst>
      </pc:sldChg>
      <pc:sldChg chg="del">
        <pc:chgData name="yechangqing" userId="9869b692-37df-47ec-97b9-0debc9dd442f" providerId="ADAL" clId="{55120363-6229-40E2-9B00-124A26024E8A}" dt="2023-09-20T02:02:32.774" v="5" actId="47"/>
        <pc:sldMkLst>
          <pc:docMk/>
          <pc:sldMk cId="4161468261" sldId="1051"/>
        </pc:sldMkLst>
      </pc:sldChg>
      <pc:sldChg chg="del">
        <pc:chgData name="yechangqing" userId="9869b692-37df-47ec-97b9-0debc9dd442f" providerId="ADAL" clId="{55120363-6229-40E2-9B00-124A26024E8A}" dt="2023-09-20T02:02:33.339" v="8" actId="47"/>
        <pc:sldMkLst>
          <pc:docMk/>
          <pc:sldMk cId="3617355865" sldId="1052"/>
        </pc:sldMkLst>
      </pc:sldChg>
      <pc:sldChg chg="del">
        <pc:chgData name="yechangqing" userId="9869b692-37df-47ec-97b9-0debc9dd442f" providerId="ADAL" clId="{55120363-6229-40E2-9B00-124A26024E8A}" dt="2023-09-20T02:02:34.173" v="12" actId="47"/>
        <pc:sldMkLst>
          <pc:docMk/>
          <pc:sldMk cId="1472620057" sldId="1053"/>
        </pc:sldMkLst>
      </pc:sldChg>
      <pc:sldChg chg="del">
        <pc:chgData name="yechangqing" userId="9869b692-37df-47ec-97b9-0debc9dd442f" providerId="ADAL" clId="{55120363-6229-40E2-9B00-124A26024E8A}" dt="2023-09-20T02:02:34.561" v="14" actId="47"/>
        <pc:sldMkLst>
          <pc:docMk/>
          <pc:sldMk cId="1000068783" sldId="1054"/>
        </pc:sldMkLst>
      </pc:sldChg>
      <pc:sldChg chg="new del">
        <pc:chgData name="yechangqing" userId="9869b692-37df-47ec-97b9-0debc9dd442f" providerId="ADAL" clId="{55120363-6229-40E2-9B00-124A26024E8A}" dt="2023-09-22T02:27:16.971" v="17" actId="47"/>
        <pc:sldMkLst>
          <pc:docMk/>
          <pc:sldMk cId="272190632" sldId="1056"/>
        </pc:sldMkLst>
      </pc:sldChg>
    </pc:docChg>
  </pc:docChgLst>
  <pc:docChgLst>
    <pc:chgData name="yechangqing" userId="9869b692-37df-47ec-97b9-0debc9dd442f" providerId="ADAL" clId="{822B707A-1CC2-492C-AE40-6AD70D224AA3}"/>
    <pc:docChg chg="undo redo custSel addSld delSld modSld">
      <pc:chgData name="yechangqing" userId="9869b692-37df-47ec-97b9-0debc9dd442f" providerId="ADAL" clId="{822B707A-1CC2-492C-AE40-6AD70D224AA3}" dt="2023-05-22T09:15:46.132" v="1964" actId="20577"/>
      <pc:docMkLst>
        <pc:docMk/>
      </pc:docMkLst>
      <pc:sldChg chg="modSp mod">
        <pc:chgData name="yechangqing" userId="9869b692-37df-47ec-97b9-0debc9dd442f" providerId="ADAL" clId="{822B707A-1CC2-492C-AE40-6AD70D224AA3}" dt="2023-05-17T05:49:01.979" v="7" actId="20577"/>
        <pc:sldMkLst>
          <pc:docMk/>
          <pc:sldMk cId="0" sldId="258"/>
        </pc:sldMkLst>
        <pc:spChg chg="mod">
          <ac:chgData name="yechangqing" userId="9869b692-37df-47ec-97b9-0debc9dd442f" providerId="ADAL" clId="{822B707A-1CC2-492C-AE40-6AD70D224AA3}" dt="2023-05-17T05:49:01.979" v="7" actId="20577"/>
          <ac:spMkLst>
            <pc:docMk/>
            <pc:sldMk cId="0" sldId="258"/>
            <ac:spMk id="3076" creationId="{E2B2CE97-30DD-4DCC-9817-F5778BBFDA7C}"/>
          </ac:spMkLst>
        </pc:spChg>
      </pc:sldChg>
      <pc:sldChg chg="modSp mod">
        <pc:chgData name="yechangqing" userId="9869b692-37df-47ec-97b9-0debc9dd442f" providerId="ADAL" clId="{822B707A-1CC2-492C-AE40-6AD70D224AA3}" dt="2023-05-17T05:49:19.853" v="30"/>
        <pc:sldMkLst>
          <pc:docMk/>
          <pc:sldMk cId="2265891491" sldId="870"/>
        </pc:sldMkLst>
        <pc:spChg chg="mod">
          <ac:chgData name="yechangqing" userId="9869b692-37df-47ec-97b9-0debc9dd442f" providerId="ADAL" clId="{822B707A-1CC2-492C-AE40-6AD70D224AA3}" dt="2023-05-17T05:49:19.853" v="30"/>
          <ac:spMkLst>
            <pc:docMk/>
            <pc:sldMk cId="2265891491" sldId="870"/>
            <ac:spMk id="4" creationId="{6DFC154B-EDF7-48AE-BFE0-59D76A176C29}"/>
          </ac:spMkLst>
        </pc:spChg>
      </pc:sldChg>
      <pc:sldChg chg="del">
        <pc:chgData name="yechangqing" userId="9869b692-37df-47ec-97b9-0debc9dd442f" providerId="ADAL" clId="{822B707A-1CC2-492C-AE40-6AD70D224AA3}" dt="2023-05-17T05:49:24.132" v="31" actId="47"/>
        <pc:sldMkLst>
          <pc:docMk/>
          <pc:sldMk cId="775263828" sldId="918"/>
        </pc:sldMkLst>
      </pc:sldChg>
      <pc:sldChg chg="delSp modSp del mod">
        <pc:chgData name="yechangqing" userId="9869b692-37df-47ec-97b9-0debc9dd442f" providerId="ADAL" clId="{822B707A-1CC2-492C-AE40-6AD70D224AA3}" dt="2023-05-19T08:40:53.646" v="1424" actId="47"/>
        <pc:sldMkLst>
          <pc:docMk/>
          <pc:sldMk cId="3131185540" sldId="920"/>
        </pc:sldMkLst>
        <pc:spChg chg="mod">
          <ac:chgData name="yechangqing" userId="9869b692-37df-47ec-97b9-0debc9dd442f" providerId="ADAL" clId="{822B707A-1CC2-492C-AE40-6AD70D224AA3}" dt="2023-05-19T06:42:25.775" v="796" actId="20577"/>
          <ac:spMkLst>
            <pc:docMk/>
            <pc:sldMk cId="3131185540" sldId="920"/>
            <ac:spMk id="3" creationId="{A1E6BD4A-9224-46FE-98C6-AF7FAEAB523E}"/>
          </ac:spMkLst>
        </pc:spChg>
        <pc:graphicFrameChg chg="del">
          <ac:chgData name="yechangqing" userId="9869b692-37df-47ec-97b9-0debc9dd442f" providerId="ADAL" clId="{822B707A-1CC2-492C-AE40-6AD70D224AA3}" dt="2023-05-17T08:31:52.281" v="423" actId="478"/>
          <ac:graphicFrameMkLst>
            <pc:docMk/>
            <pc:sldMk cId="3131185540" sldId="920"/>
            <ac:graphicFrameMk id="15" creationId="{77A3B2BC-3DBE-42DB-BF17-6E8039C2FF75}"/>
          </ac:graphicFrameMkLst>
        </pc:graphicFrameChg>
      </pc:sldChg>
      <pc:sldChg chg="addSp delSp modSp mod">
        <pc:chgData name="yechangqing" userId="9869b692-37df-47ec-97b9-0debc9dd442f" providerId="ADAL" clId="{822B707A-1CC2-492C-AE40-6AD70D224AA3}" dt="2023-05-17T05:51:12.063" v="100" actId="207"/>
        <pc:sldMkLst>
          <pc:docMk/>
          <pc:sldMk cId="2693303189" sldId="922"/>
        </pc:sldMkLst>
        <pc:spChg chg="mod">
          <ac:chgData name="yechangqing" userId="9869b692-37df-47ec-97b9-0debc9dd442f" providerId="ADAL" clId="{822B707A-1CC2-492C-AE40-6AD70D224AA3}" dt="2023-05-17T05:51:12.063" v="100" actId="207"/>
          <ac:spMkLst>
            <pc:docMk/>
            <pc:sldMk cId="2693303189" sldId="922"/>
            <ac:spMk id="11" creationId="{E6E711B8-8C3A-43CA-BDD6-541B9013DFE7}"/>
          </ac:spMkLst>
        </pc:spChg>
        <pc:spChg chg="mod">
          <ac:chgData name="yechangqing" userId="9869b692-37df-47ec-97b9-0debc9dd442f" providerId="ADAL" clId="{822B707A-1CC2-492C-AE40-6AD70D224AA3}" dt="2023-05-17T05:50:27.209" v="40" actId="14100"/>
          <ac:spMkLst>
            <pc:docMk/>
            <pc:sldMk cId="2693303189" sldId="922"/>
            <ac:spMk id="12" creationId="{9060C2C3-E8A5-4C71-90C2-619B8C0A7B54}"/>
          </ac:spMkLst>
        </pc:spChg>
        <pc:picChg chg="add mod ord">
          <ac:chgData name="yechangqing" userId="9869b692-37df-47ec-97b9-0debc9dd442f" providerId="ADAL" clId="{822B707A-1CC2-492C-AE40-6AD70D224AA3}" dt="2023-05-17T05:50:07.837" v="37" actId="167"/>
          <ac:picMkLst>
            <pc:docMk/>
            <pc:sldMk cId="2693303189" sldId="922"/>
            <ac:picMk id="5" creationId="{B2FEB18B-2E2B-4224-9342-3223AAFB1D60}"/>
          </ac:picMkLst>
        </pc:picChg>
        <pc:picChg chg="del">
          <ac:chgData name="yechangqing" userId="9869b692-37df-47ec-97b9-0debc9dd442f" providerId="ADAL" clId="{822B707A-1CC2-492C-AE40-6AD70D224AA3}" dt="2023-05-17T05:49:54.289" v="32" actId="478"/>
          <ac:picMkLst>
            <pc:docMk/>
            <pc:sldMk cId="2693303189" sldId="922"/>
            <ac:picMk id="14" creationId="{8E929B5E-2F49-42C3-8E9B-17D114E5BD2E}"/>
          </ac:picMkLst>
        </pc:picChg>
      </pc:sldChg>
      <pc:sldChg chg="del">
        <pc:chgData name="yechangqing" userId="9869b692-37df-47ec-97b9-0debc9dd442f" providerId="ADAL" clId="{822B707A-1CC2-492C-AE40-6AD70D224AA3}" dt="2023-05-17T06:44:45.230" v="101" actId="47"/>
        <pc:sldMkLst>
          <pc:docMk/>
          <pc:sldMk cId="1747707913" sldId="923"/>
        </pc:sldMkLst>
      </pc:sldChg>
      <pc:sldChg chg="del">
        <pc:chgData name="yechangqing" userId="9869b692-37df-47ec-97b9-0debc9dd442f" providerId="ADAL" clId="{822B707A-1CC2-492C-AE40-6AD70D224AA3}" dt="2023-05-17T06:44:51.046" v="102" actId="47"/>
        <pc:sldMkLst>
          <pc:docMk/>
          <pc:sldMk cId="3308312449" sldId="924"/>
        </pc:sldMkLst>
      </pc:sldChg>
      <pc:sldChg chg="addSp delSp modSp mod">
        <pc:chgData name="yechangqing" userId="9869b692-37df-47ec-97b9-0debc9dd442f" providerId="ADAL" clId="{822B707A-1CC2-492C-AE40-6AD70D224AA3}" dt="2023-05-19T06:37:29.075" v="792"/>
        <pc:sldMkLst>
          <pc:docMk/>
          <pc:sldMk cId="2484925289" sldId="925"/>
        </pc:sldMkLst>
        <pc:spChg chg="mod">
          <ac:chgData name="yechangqing" userId="9869b692-37df-47ec-97b9-0debc9dd442f" providerId="ADAL" clId="{822B707A-1CC2-492C-AE40-6AD70D224AA3}" dt="2023-05-17T06:44:59.481" v="112"/>
          <ac:spMkLst>
            <pc:docMk/>
            <pc:sldMk cId="2484925289" sldId="925"/>
            <ac:spMk id="3" creationId="{8292F982-1625-4211-8DA1-DA96CAE562CB}"/>
          </ac:spMkLst>
        </pc:spChg>
        <pc:spChg chg="add mod">
          <ac:chgData name="yechangqing" userId="9869b692-37df-47ec-97b9-0debc9dd442f" providerId="ADAL" clId="{822B707A-1CC2-492C-AE40-6AD70D224AA3}" dt="2023-05-17T06:52:11.471" v="208" actId="1076"/>
          <ac:spMkLst>
            <pc:docMk/>
            <pc:sldMk cId="2484925289" sldId="925"/>
            <ac:spMk id="5" creationId="{3E9C9EAA-0DAD-4F69-B336-5B4AC0DF841B}"/>
          </ac:spMkLst>
        </pc:spChg>
        <pc:spChg chg="del">
          <ac:chgData name="yechangqing" userId="9869b692-37df-47ec-97b9-0debc9dd442f" providerId="ADAL" clId="{822B707A-1CC2-492C-AE40-6AD70D224AA3}" dt="2023-05-17T06:45:22.928" v="114" actId="478"/>
          <ac:spMkLst>
            <pc:docMk/>
            <pc:sldMk cId="2484925289" sldId="925"/>
            <ac:spMk id="6" creationId="{8687E292-7DBB-4160-8E9B-F90510FBA1F0}"/>
          </ac:spMkLst>
        </pc:spChg>
        <pc:spChg chg="add del mod">
          <ac:chgData name="yechangqing" userId="9869b692-37df-47ec-97b9-0debc9dd442f" providerId="ADAL" clId="{822B707A-1CC2-492C-AE40-6AD70D224AA3}" dt="2023-05-19T06:37:29.075" v="792"/>
          <ac:spMkLst>
            <pc:docMk/>
            <pc:sldMk cId="2484925289" sldId="925"/>
            <ac:spMk id="6" creationId="{D2D9EEA0-9B32-4983-B4F7-FD9C296BEB5F}"/>
          </ac:spMkLst>
        </pc:spChg>
        <pc:spChg chg="add mod">
          <ac:chgData name="yechangqing" userId="9869b692-37df-47ec-97b9-0debc9dd442f" providerId="ADAL" clId="{822B707A-1CC2-492C-AE40-6AD70D224AA3}" dt="2023-05-19T06:30:15.872" v="687" actId="14100"/>
          <ac:spMkLst>
            <pc:docMk/>
            <pc:sldMk cId="2484925289" sldId="925"/>
            <ac:spMk id="7" creationId="{286BCC86-19B4-407F-8840-A350B1C42F44}"/>
          </ac:spMkLst>
        </pc:spChg>
        <pc:spChg chg="add del">
          <ac:chgData name="yechangqing" userId="9869b692-37df-47ec-97b9-0debc9dd442f" providerId="ADAL" clId="{822B707A-1CC2-492C-AE40-6AD70D224AA3}" dt="2023-05-17T08:21:10.893" v="314" actId="22"/>
          <ac:spMkLst>
            <pc:docMk/>
            <pc:sldMk cId="2484925289" sldId="925"/>
            <ac:spMk id="8" creationId="{189AA936-22AE-4C0D-B029-4BF15D0C0F00}"/>
          </ac:spMkLst>
        </pc:spChg>
        <pc:graphicFrameChg chg="mod modGraphic">
          <ac:chgData name="yechangqing" userId="9869b692-37df-47ec-97b9-0debc9dd442f" providerId="ADAL" clId="{822B707A-1CC2-492C-AE40-6AD70D224AA3}" dt="2023-05-19T06:26:01.829" v="632" actId="108"/>
          <ac:graphicFrameMkLst>
            <pc:docMk/>
            <pc:sldMk cId="2484925289" sldId="925"/>
            <ac:graphicFrameMk id="4" creationId="{3FD62632-13F8-44E1-9DD5-B586EC599BC7}"/>
          </ac:graphicFrameMkLst>
        </pc:graphicFrameChg>
      </pc:sldChg>
      <pc:sldChg chg="del">
        <pc:chgData name="yechangqing" userId="9869b692-37df-47ec-97b9-0debc9dd442f" providerId="ADAL" clId="{822B707A-1CC2-492C-AE40-6AD70D224AA3}" dt="2023-05-17T06:51:50.336" v="202" actId="47"/>
        <pc:sldMkLst>
          <pc:docMk/>
          <pc:sldMk cId="3700786107" sldId="926"/>
        </pc:sldMkLst>
      </pc:sldChg>
      <pc:sldChg chg="del">
        <pc:chgData name="yechangqing" userId="9869b692-37df-47ec-97b9-0debc9dd442f" providerId="ADAL" clId="{822B707A-1CC2-492C-AE40-6AD70D224AA3}" dt="2023-05-19T09:13:11.426" v="1477" actId="47"/>
        <pc:sldMkLst>
          <pc:docMk/>
          <pc:sldMk cId="1492479203" sldId="927"/>
        </pc:sldMkLst>
      </pc:sldChg>
      <pc:sldChg chg="addSp delSp modSp add del mod">
        <pc:chgData name="yechangqing" userId="9869b692-37df-47ec-97b9-0debc9dd442f" providerId="ADAL" clId="{822B707A-1CC2-492C-AE40-6AD70D224AA3}" dt="2023-05-22T09:15:46.132" v="1964" actId="20577"/>
        <pc:sldMkLst>
          <pc:docMk/>
          <pc:sldMk cId="2755281259" sldId="928"/>
        </pc:sldMkLst>
        <pc:spChg chg="mod">
          <ac:chgData name="yechangqing" userId="9869b692-37df-47ec-97b9-0debc9dd442f" providerId="ADAL" clId="{822B707A-1CC2-492C-AE40-6AD70D224AA3}" dt="2023-05-22T07:35:09.991" v="1733"/>
          <ac:spMkLst>
            <pc:docMk/>
            <pc:sldMk cId="2755281259" sldId="928"/>
            <ac:spMk id="4" creationId="{3A942EA1-E26B-4CD7-AF51-2BA393A65AC1}"/>
          </ac:spMkLst>
        </pc:spChg>
        <pc:spChg chg="mod">
          <ac:chgData name="yechangqing" userId="9869b692-37df-47ec-97b9-0debc9dd442f" providerId="ADAL" clId="{822B707A-1CC2-492C-AE40-6AD70D224AA3}" dt="2023-05-19T09:15:15.204" v="1493" actId="1038"/>
          <ac:spMkLst>
            <pc:docMk/>
            <pc:sldMk cId="2755281259" sldId="928"/>
            <ac:spMk id="7" creationId="{2C02BD5C-C917-47D7-BF86-9556991000C9}"/>
          </ac:spMkLst>
        </pc:spChg>
        <pc:spChg chg="mod">
          <ac:chgData name="yechangqing" userId="9869b692-37df-47ec-97b9-0debc9dd442f" providerId="ADAL" clId="{822B707A-1CC2-492C-AE40-6AD70D224AA3}" dt="2023-05-22T08:13:57.447" v="1815" actId="20577"/>
          <ac:spMkLst>
            <pc:docMk/>
            <pc:sldMk cId="2755281259" sldId="928"/>
            <ac:spMk id="10" creationId="{587D0E44-983A-4D3F-9714-23ED5E3AFB27}"/>
          </ac:spMkLst>
        </pc:spChg>
        <pc:spChg chg="mod">
          <ac:chgData name="yechangqing" userId="9869b692-37df-47ec-97b9-0debc9dd442f" providerId="ADAL" clId="{822B707A-1CC2-492C-AE40-6AD70D224AA3}" dt="2023-05-22T09:15:46.132" v="1964" actId="20577"/>
          <ac:spMkLst>
            <pc:docMk/>
            <pc:sldMk cId="2755281259" sldId="928"/>
            <ac:spMk id="11" creationId="{4C3B29BB-86EB-46F3-B87A-40A2FF400ECD}"/>
          </ac:spMkLst>
        </pc:spChg>
        <pc:picChg chg="add mod modCrop">
          <ac:chgData name="yechangqing" userId="9869b692-37df-47ec-97b9-0debc9dd442f" providerId="ADAL" clId="{822B707A-1CC2-492C-AE40-6AD70D224AA3}" dt="2023-05-22T09:15:36.866" v="1956" actId="1076"/>
          <ac:picMkLst>
            <pc:docMk/>
            <pc:sldMk cId="2755281259" sldId="928"/>
            <ac:picMk id="6" creationId="{6992749B-44D8-42BD-B22B-F0B1477D7A8C}"/>
          </ac:picMkLst>
        </pc:picChg>
        <pc:picChg chg="del">
          <ac:chgData name="yechangqing" userId="9869b692-37df-47ec-97b9-0debc9dd442f" providerId="ADAL" clId="{822B707A-1CC2-492C-AE40-6AD70D224AA3}" dt="2023-05-19T09:14:40.682" v="1481" actId="478"/>
          <ac:picMkLst>
            <pc:docMk/>
            <pc:sldMk cId="2755281259" sldId="928"/>
            <ac:picMk id="6" creationId="{6A47D294-9BCB-48CE-BEA5-6269ECC41E68}"/>
          </ac:picMkLst>
        </pc:picChg>
        <pc:picChg chg="add mod">
          <ac:chgData name="yechangqing" userId="9869b692-37df-47ec-97b9-0debc9dd442f" providerId="ADAL" clId="{822B707A-1CC2-492C-AE40-6AD70D224AA3}" dt="2023-05-19T09:15:15.204" v="1493" actId="1038"/>
          <ac:picMkLst>
            <pc:docMk/>
            <pc:sldMk cId="2755281259" sldId="928"/>
            <ac:picMk id="8" creationId="{33759328-DB1D-41DF-887C-E9C10FC6C3D8}"/>
          </ac:picMkLst>
        </pc:picChg>
        <pc:picChg chg="del">
          <ac:chgData name="yechangqing" userId="9869b692-37df-47ec-97b9-0debc9dd442f" providerId="ADAL" clId="{822B707A-1CC2-492C-AE40-6AD70D224AA3}" dt="2023-05-22T07:33:35.525" v="1680" actId="478"/>
          <ac:picMkLst>
            <pc:docMk/>
            <pc:sldMk cId="2755281259" sldId="928"/>
            <ac:picMk id="9" creationId="{86A1E03A-B4F7-493E-B378-E31A35F49B78}"/>
          </ac:picMkLst>
        </pc:picChg>
        <pc:picChg chg="add del mod">
          <ac:chgData name="yechangqing" userId="9869b692-37df-47ec-97b9-0debc9dd442f" providerId="ADAL" clId="{822B707A-1CC2-492C-AE40-6AD70D224AA3}" dt="2023-05-22T08:13:06.885" v="1798" actId="478"/>
          <ac:picMkLst>
            <pc:docMk/>
            <pc:sldMk cId="2755281259" sldId="928"/>
            <ac:picMk id="13" creationId="{A8F4D94D-8C87-4BFD-BC5B-FDB2DF3E4AF7}"/>
          </ac:picMkLst>
        </pc:picChg>
        <pc:picChg chg="add mod">
          <ac:chgData name="yechangqing" userId="9869b692-37df-47ec-97b9-0debc9dd442f" providerId="ADAL" clId="{822B707A-1CC2-492C-AE40-6AD70D224AA3}" dt="2023-05-22T09:15:23.042" v="1952" actId="1076"/>
          <ac:picMkLst>
            <pc:docMk/>
            <pc:sldMk cId="2755281259" sldId="928"/>
            <ac:picMk id="15" creationId="{8B8C228E-B52C-48B6-9709-3AB82A5A9A59}"/>
          </ac:picMkLst>
        </pc:picChg>
        <pc:picChg chg="add del mod modCrop">
          <ac:chgData name="yechangqing" userId="9869b692-37df-47ec-97b9-0debc9dd442f" providerId="ADAL" clId="{822B707A-1CC2-492C-AE40-6AD70D224AA3}" dt="2023-05-22T09:14:57.819" v="1942" actId="478"/>
          <ac:picMkLst>
            <pc:docMk/>
            <pc:sldMk cId="2755281259" sldId="928"/>
            <ac:picMk id="17" creationId="{4B8BFBD0-9F0A-4732-B84C-6796884EFEBE}"/>
          </ac:picMkLst>
        </pc:picChg>
        <pc:picChg chg="del">
          <ac:chgData name="yechangqing" userId="9869b692-37df-47ec-97b9-0debc9dd442f" providerId="ADAL" clId="{822B707A-1CC2-492C-AE40-6AD70D224AA3}" dt="2023-05-22T08:48:06.477" v="1825" actId="478"/>
          <ac:picMkLst>
            <pc:docMk/>
            <pc:sldMk cId="2755281259" sldId="928"/>
            <ac:picMk id="22" creationId="{C5E1A6DF-9EDF-420B-B8BF-E319B085E046}"/>
          </ac:picMkLst>
        </pc:picChg>
        <pc:picChg chg="del">
          <ac:chgData name="yechangqing" userId="9869b692-37df-47ec-97b9-0debc9dd442f" providerId="ADAL" clId="{822B707A-1CC2-492C-AE40-6AD70D224AA3}" dt="2023-05-19T09:15:17.451" v="1494" actId="478"/>
          <ac:picMkLst>
            <pc:docMk/>
            <pc:sldMk cId="2755281259" sldId="928"/>
            <ac:picMk id="24" creationId="{DB38BB48-1D96-4A33-8FCD-716CF59665C5}"/>
          </ac:picMkLst>
        </pc:picChg>
      </pc:sldChg>
      <pc:sldChg chg="del">
        <pc:chgData name="yechangqing" userId="9869b692-37df-47ec-97b9-0debc9dd442f" providerId="ADAL" clId="{822B707A-1CC2-492C-AE40-6AD70D224AA3}" dt="2023-05-19T09:13:17.819" v="1480" actId="47"/>
        <pc:sldMkLst>
          <pc:docMk/>
          <pc:sldMk cId="2901192220" sldId="929"/>
        </pc:sldMkLst>
      </pc:sldChg>
      <pc:sldChg chg="modSp new del mod">
        <pc:chgData name="yechangqing" userId="9869b692-37df-47ec-97b9-0debc9dd442f" providerId="ADAL" clId="{822B707A-1CC2-492C-AE40-6AD70D224AA3}" dt="2023-05-17T06:52:23.555" v="211" actId="47"/>
        <pc:sldMkLst>
          <pc:docMk/>
          <pc:sldMk cId="3143779020" sldId="930"/>
        </pc:sldMkLst>
        <pc:spChg chg="mod">
          <ac:chgData name="yechangqing" userId="9869b692-37df-47ec-97b9-0debc9dd442f" providerId="ADAL" clId="{822B707A-1CC2-492C-AE40-6AD70D224AA3}" dt="2023-05-17T06:52:06.025" v="207"/>
          <ac:spMkLst>
            <pc:docMk/>
            <pc:sldMk cId="3143779020" sldId="930"/>
            <ac:spMk id="3" creationId="{803E7AF4-111C-4B01-9262-8514451F92C9}"/>
          </ac:spMkLst>
        </pc:spChg>
      </pc:sldChg>
      <pc:sldChg chg="addSp modSp add mod">
        <pc:chgData name="yechangqing" userId="9869b692-37df-47ec-97b9-0debc9dd442f" providerId="ADAL" clId="{822B707A-1CC2-492C-AE40-6AD70D224AA3}" dt="2023-05-21T12:52:34.362" v="1527" actId="1076"/>
        <pc:sldMkLst>
          <pc:docMk/>
          <pc:sldMk cId="2224388763" sldId="931"/>
        </pc:sldMkLst>
        <pc:spChg chg="mod">
          <ac:chgData name="yechangqing" userId="9869b692-37df-47ec-97b9-0debc9dd442f" providerId="ADAL" clId="{822B707A-1CC2-492C-AE40-6AD70D224AA3}" dt="2023-05-21T12:52:23.998" v="1522" actId="1076"/>
          <ac:spMkLst>
            <pc:docMk/>
            <pc:sldMk cId="2224388763" sldId="931"/>
            <ac:spMk id="5" creationId="{3E9C9EAA-0DAD-4F69-B336-5B4AC0DF841B}"/>
          </ac:spMkLst>
        </pc:spChg>
        <pc:graphicFrameChg chg="mod modGraphic">
          <ac:chgData name="yechangqing" userId="9869b692-37df-47ec-97b9-0debc9dd442f" providerId="ADAL" clId="{822B707A-1CC2-492C-AE40-6AD70D224AA3}" dt="2023-05-21T12:52:34.362" v="1527" actId="1076"/>
          <ac:graphicFrameMkLst>
            <pc:docMk/>
            <pc:sldMk cId="2224388763" sldId="931"/>
            <ac:graphicFrameMk id="4" creationId="{3FD62632-13F8-44E1-9DD5-B586EC599BC7}"/>
          </ac:graphicFrameMkLst>
        </pc:graphicFrameChg>
        <pc:picChg chg="add mod">
          <ac:chgData name="yechangqing" userId="9869b692-37df-47ec-97b9-0debc9dd442f" providerId="ADAL" clId="{822B707A-1CC2-492C-AE40-6AD70D224AA3}" dt="2023-05-21T12:52:25.324" v="1523" actId="1076"/>
          <ac:picMkLst>
            <pc:docMk/>
            <pc:sldMk cId="2224388763" sldId="931"/>
            <ac:picMk id="7" creationId="{8688DAAA-A360-410A-8D9D-BE383C51B475}"/>
          </ac:picMkLst>
        </pc:picChg>
      </pc:sldChg>
      <pc:sldChg chg="addSp delSp modSp new mod">
        <pc:chgData name="yechangqing" userId="9869b692-37df-47ec-97b9-0debc9dd442f" providerId="ADAL" clId="{822B707A-1CC2-492C-AE40-6AD70D224AA3}" dt="2023-05-19T06:32:07.102" v="734" actId="1076"/>
        <pc:sldMkLst>
          <pc:docMk/>
          <pc:sldMk cId="4054542143" sldId="932"/>
        </pc:sldMkLst>
        <pc:spChg chg="mod">
          <ac:chgData name="yechangqing" userId="9869b692-37df-47ec-97b9-0debc9dd442f" providerId="ADAL" clId="{822B707A-1CC2-492C-AE40-6AD70D224AA3}" dt="2023-05-17T08:31:01.211" v="422"/>
          <ac:spMkLst>
            <pc:docMk/>
            <pc:sldMk cId="4054542143" sldId="932"/>
            <ac:spMk id="3" creationId="{A33C01AF-E10C-4DDC-A2BC-F8628C2E9FB5}"/>
          </ac:spMkLst>
        </pc:spChg>
        <pc:spChg chg="add del mod">
          <ac:chgData name="yechangqing" userId="9869b692-37df-47ec-97b9-0debc9dd442f" providerId="ADAL" clId="{822B707A-1CC2-492C-AE40-6AD70D224AA3}" dt="2023-05-17T09:29:16.106" v="483"/>
          <ac:spMkLst>
            <pc:docMk/>
            <pc:sldMk cId="4054542143" sldId="932"/>
            <ac:spMk id="4" creationId="{7EC6A945-AE91-48D9-98CC-C0D756A491FE}"/>
          </ac:spMkLst>
        </pc:spChg>
        <pc:spChg chg="add del mod">
          <ac:chgData name="yechangqing" userId="9869b692-37df-47ec-97b9-0debc9dd442f" providerId="ADAL" clId="{822B707A-1CC2-492C-AE40-6AD70D224AA3}" dt="2023-05-19T06:31:03.662" v="716" actId="478"/>
          <ac:spMkLst>
            <pc:docMk/>
            <pc:sldMk cId="4054542143" sldId="932"/>
            <ac:spMk id="5" creationId="{1FBB1BD7-9F28-463A-AA7F-437667CB014D}"/>
          </ac:spMkLst>
        </pc:spChg>
        <pc:spChg chg="add mod">
          <ac:chgData name="yechangqing" userId="9869b692-37df-47ec-97b9-0debc9dd442f" providerId="ADAL" clId="{822B707A-1CC2-492C-AE40-6AD70D224AA3}" dt="2023-05-18T02:16:02.620" v="591" actId="1076"/>
          <ac:spMkLst>
            <pc:docMk/>
            <pc:sldMk cId="4054542143" sldId="932"/>
            <ac:spMk id="9" creationId="{CF4ABB27-501A-49E9-A2C0-ABAE166FFCD5}"/>
          </ac:spMkLst>
        </pc:spChg>
        <pc:spChg chg="add mod">
          <ac:chgData name="yechangqing" userId="9869b692-37df-47ec-97b9-0debc9dd442f" providerId="ADAL" clId="{822B707A-1CC2-492C-AE40-6AD70D224AA3}" dt="2023-05-18T02:15:38.536" v="585" actId="571"/>
          <ac:spMkLst>
            <pc:docMk/>
            <pc:sldMk cId="4054542143" sldId="932"/>
            <ac:spMk id="11" creationId="{EC1AA8B2-2438-4623-B9FC-F16CA9D3D123}"/>
          </ac:spMkLst>
        </pc:spChg>
        <pc:spChg chg="add mod">
          <ac:chgData name="yechangqing" userId="9869b692-37df-47ec-97b9-0debc9dd442f" providerId="ADAL" clId="{822B707A-1CC2-492C-AE40-6AD70D224AA3}" dt="2023-05-19T06:31:07.491" v="717" actId="1076"/>
          <ac:spMkLst>
            <pc:docMk/>
            <pc:sldMk cId="4054542143" sldId="932"/>
            <ac:spMk id="12" creationId="{B2831A09-F299-41D7-A452-6CDBF6DD84D8}"/>
          </ac:spMkLst>
        </pc:spChg>
        <pc:graphicFrameChg chg="add mod modGraphic">
          <ac:chgData name="yechangqing" userId="9869b692-37df-47ec-97b9-0debc9dd442f" providerId="ADAL" clId="{822B707A-1CC2-492C-AE40-6AD70D224AA3}" dt="2023-05-19T06:32:07.102" v="734" actId="1076"/>
          <ac:graphicFrameMkLst>
            <pc:docMk/>
            <pc:sldMk cId="4054542143" sldId="932"/>
            <ac:graphicFrameMk id="8" creationId="{2A46E72E-2164-4572-B849-8BA72D2E0F4B}"/>
          </ac:graphicFrameMkLst>
        </pc:graphicFrameChg>
        <pc:graphicFrameChg chg="add mod">
          <ac:chgData name="yechangqing" userId="9869b692-37df-47ec-97b9-0debc9dd442f" providerId="ADAL" clId="{822B707A-1CC2-492C-AE40-6AD70D224AA3}" dt="2023-05-18T02:15:38.536" v="585" actId="571"/>
          <ac:graphicFrameMkLst>
            <pc:docMk/>
            <pc:sldMk cId="4054542143" sldId="932"/>
            <ac:graphicFrameMk id="10" creationId="{2DCAE1D1-A204-40B3-BEBB-C9C0329B3851}"/>
          </ac:graphicFrameMkLst>
        </pc:graphicFrameChg>
        <pc:picChg chg="add mod">
          <ac:chgData name="yechangqing" userId="9869b692-37df-47ec-97b9-0debc9dd442f" providerId="ADAL" clId="{822B707A-1CC2-492C-AE40-6AD70D224AA3}" dt="2023-05-18T02:15:28.082" v="582" actId="1076"/>
          <ac:picMkLst>
            <pc:docMk/>
            <pc:sldMk cId="4054542143" sldId="932"/>
            <ac:picMk id="7" creationId="{F24FF050-4493-455B-968B-1948F46E651E}"/>
          </ac:picMkLst>
        </pc:picChg>
      </pc:sldChg>
      <pc:sldChg chg="addSp modSp new mod">
        <pc:chgData name="yechangqing" userId="9869b692-37df-47ec-97b9-0debc9dd442f" providerId="ADAL" clId="{822B707A-1CC2-492C-AE40-6AD70D224AA3}" dt="2023-05-21T12:55:03.555" v="1556" actId="1076"/>
        <pc:sldMkLst>
          <pc:docMk/>
          <pc:sldMk cId="2995539803" sldId="933"/>
        </pc:sldMkLst>
        <pc:spChg chg="mod">
          <ac:chgData name="yechangqing" userId="9869b692-37df-47ec-97b9-0debc9dd442f" providerId="ADAL" clId="{822B707A-1CC2-492C-AE40-6AD70D224AA3}" dt="2023-05-19T06:42:32.825" v="803"/>
          <ac:spMkLst>
            <pc:docMk/>
            <pc:sldMk cId="2995539803" sldId="933"/>
            <ac:spMk id="3" creationId="{B6FED502-DE8D-4D82-9881-626AE8B2E10F}"/>
          </ac:spMkLst>
        </pc:spChg>
        <pc:spChg chg="add mod">
          <ac:chgData name="yechangqing" userId="9869b692-37df-47ec-97b9-0debc9dd442f" providerId="ADAL" clId="{822B707A-1CC2-492C-AE40-6AD70D224AA3}" dt="2023-05-21T12:51:19.106" v="1506" actId="1076"/>
          <ac:spMkLst>
            <pc:docMk/>
            <pc:sldMk cId="2995539803" sldId="933"/>
            <ac:spMk id="4" creationId="{399BD4BA-2F05-44E2-82BC-09651D5C6B6B}"/>
          </ac:spMkLst>
        </pc:spChg>
        <pc:spChg chg="add mod">
          <ac:chgData name="yechangqing" userId="9869b692-37df-47ec-97b9-0debc9dd442f" providerId="ADAL" clId="{822B707A-1CC2-492C-AE40-6AD70D224AA3}" dt="2023-05-21T12:54:18.401" v="1546"/>
          <ac:spMkLst>
            <pc:docMk/>
            <pc:sldMk cId="2995539803" sldId="933"/>
            <ac:spMk id="7" creationId="{E535446C-3B6C-4C32-B716-673F08F90503}"/>
          </ac:spMkLst>
        </pc:spChg>
        <pc:graphicFrameChg chg="add mod modGraphic">
          <ac:chgData name="yechangqing" userId="9869b692-37df-47ec-97b9-0debc9dd442f" providerId="ADAL" clId="{822B707A-1CC2-492C-AE40-6AD70D224AA3}" dt="2023-05-21T12:55:03.555" v="1556" actId="1076"/>
          <ac:graphicFrameMkLst>
            <pc:docMk/>
            <pc:sldMk cId="2995539803" sldId="933"/>
            <ac:graphicFrameMk id="5" creationId="{F5FE9CF4-E4AB-4F04-9C95-0982EA6C3D1F}"/>
          </ac:graphicFrameMkLst>
        </pc:graphicFrameChg>
      </pc:sldChg>
      <pc:sldChg chg="addSp delSp modSp new mod">
        <pc:chgData name="yechangqing" userId="9869b692-37df-47ec-97b9-0debc9dd442f" providerId="ADAL" clId="{822B707A-1CC2-492C-AE40-6AD70D224AA3}" dt="2023-05-19T08:55:25.308" v="1475" actId="20577"/>
        <pc:sldMkLst>
          <pc:docMk/>
          <pc:sldMk cId="1428513701" sldId="934"/>
        </pc:sldMkLst>
        <pc:spChg chg="mod">
          <ac:chgData name="yechangqing" userId="9869b692-37df-47ec-97b9-0debc9dd442f" providerId="ADAL" clId="{822B707A-1CC2-492C-AE40-6AD70D224AA3}" dt="2023-05-19T07:06:12.981" v="1062"/>
          <ac:spMkLst>
            <pc:docMk/>
            <pc:sldMk cId="1428513701" sldId="934"/>
            <ac:spMk id="3" creationId="{C0964D16-8261-4097-99CB-7E5E7180A01A}"/>
          </ac:spMkLst>
        </pc:spChg>
        <pc:spChg chg="add mod ord">
          <ac:chgData name="yechangqing" userId="9869b692-37df-47ec-97b9-0debc9dd442f" providerId="ADAL" clId="{822B707A-1CC2-492C-AE40-6AD70D224AA3}" dt="2023-05-19T08:12:53.783" v="1298"/>
          <ac:spMkLst>
            <pc:docMk/>
            <pc:sldMk cId="1428513701" sldId="934"/>
            <ac:spMk id="4" creationId="{0A3AC0A0-72D8-46C5-9553-DFCB5BBCA800}"/>
          </ac:spMkLst>
        </pc:spChg>
        <pc:spChg chg="add mod">
          <ac:chgData name="yechangqing" userId="9869b692-37df-47ec-97b9-0debc9dd442f" providerId="ADAL" clId="{822B707A-1CC2-492C-AE40-6AD70D224AA3}" dt="2023-05-19T08:55:25.308" v="1475" actId="20577"/>
          <ac:spMkLst>
            <pc:docMk/>
            <pc:sldMk cId="1428513701" sldId="934"/>
            <ac:spMk id="6" creationId="{E47E2DA2-7AD6-4539-BB0A-74CF30383F53}"/>
          </ac:spMkLst>
        </pc:spChg>
        <pc:spChg chg="add mod">
          <ac:chgData name="yechangqing" userId="9869b692-37df-47ec-97b9-0debc9dd442f" providerId="ADAL" clId="{822B707A-1CC2-492C-AE40-6AD70D224AA3}" dt="2023-05-19T08:11:34.631" v="1252" actId="1076"/>
          <ac:spMkLst>
            <pc:docMk/>
            <pc:sldMk cId="1428513701" sldId="934"/>
            <ac:spMk id="11" creationId="{ADAF32BD-1721-4B4B-B17F-78471099E8B1}"/>
          </ac:spMkLst>
        </pc:spChg>
        <pc:graphicFrameChg chg="add mod modGraphic">
          <ac:chgData name="yechangqing" userId="9869b692-37df-47ec-97b9-0debc9dd442f" providerId="ADAL" clId="{822B707A-1CC2-492C-AE40-6AD70D224AA3}" dt="2023-05-19T08:54:49.353" v="1471" actId="20577"/>
          <ac:graphicFrameMkLst>
            <pc:docMk/>
            <pc:sldMk cId="1428513701" sldId="934"/>
            <ac:graphicFrameMk id="5" creationId="{0ED7F69B-E287-40D6-AA66-7C889DE114D2}"/>
          </ac:graphicFrameMkLst>
        </pc:graphicFrameChg>
        <pc:picChg chg="add mod">
          <ac:chgData name="yechangqing" userId="9869b692-37df-47ec-97b9-0debc9dd442f" providerId="ADAL" clId="{822B707A-1CC2-492C-AE40-6AD70D224AA3}" dt="2023-05-19T08:12:57.675" v="1299" actId="1076"/>
          <ac:picMkLst>
            <pc:docMk/>
            <pc:sldMk cId="1428513701" sldId="934"/>
            <ac:picMk id="8" creationId="{0B010B7C-B2DD-4297-AD2B-46A9509ECEB6}"/>
          </ac:picMkLst>
        </pc:picChg>
        <pc:picChg chg="add mod">
          <ac:chgData name="yechangqing" userId="9869b692-37df-47ec-97b9-0debc9dd442f" providerId="ADAL" clId="{822B707A-1CC2-492C-AE40-6AD70D224AA3}" dt="2023-05-19T08:10:29.347" v="1240"/>
          <ac:picMkLst>
            <pc:docMk/>
            <pc:sldMk cId="1428513701" sldId="934"/>
            <ac:picMk id="9" creationId="{3B0F331A-AB1B-434A-833A-0E4BC61FEB04}"/>
          </ac:picMkLst>
        </pc:picChg>
        <pc:cxnChg chg="add del mod">
          <ac:chgData name="yechangqing" userId="9869b692-37df-47ec-97b9-0debc9dd442f" providerId="ADAL" clId="{822B707A-1CC2-492C-AE40-6AD70D224AA3}" dt="2023-05-19T08:10:49.975" v="1244" actId="478"/>
          <ac:cxnSpMkLst>
            <pc:docMk/>
            <pc:sldMk cId="1428513701" sldId="934"/>
            <ac:cxnSpMk id="10" creationId="{24669823-3356-4F35-95F4-EAAA8D2C2B52}"/>
          </ac:cxnSpMkLst>
        </pc:cxnChg>
      </pc:sldChg>
      <pc:sldChg chg="add del">
        <pc:chgData name="yechangqing" userId="9869b692-37df-47ec-97b9-0debc9dd442f" providerId="ADAL" clId="{822B707A-1CC2-492C-AE40-6AD70D224AA3}" dt="2023-05-19T08:09:51.328" v="1230"/>
        <pc:sldMkLst>
          <pc:docMk/>
          <pc:sldMk cId="2939310" sldId="935"/>
        </pc:sldMkLst>
      </pc:sldChg>
      <pc:sldChg chg="addSp delSp modSp new add del mod">
        <pc:chgData name="yechangqing" userId="9869b692-37df-47ec-97b9-0debc9dd442f" providerId="ADAL" clId="{822B707A-1CC2-492C-AE40-6AD70D224AA3}" dt="2023-05-21T12:55:50.400" v="1603" actId="1076"/>
        <pc:sldMkLst>
          <pc:docMk/>
          <pc:sldMk cId="2026108760" sldId="935"/>
        </pc:sldMkLst>
        <pc:spChg chg="mod">
          <ac:chgData name="yechangqing" userId="9869b692-37df-47ec-97b9-0debc9dd442f" providerId="ADAL" clId="{822B707A-1CC2-492C-AE40-6AD70D224AA3}" dt="2023-05-19T07:48:08.616" v="1196"/>
          <ac:spMkLst>
            <pc:docMk/>
            <pc:sldMk cId="2026108760" sldId="935"/>
            <ac:spMk id="3" creationId="{2C7ACECD-32B1-4033-949A-00C7EC117ADC}"/>
          </ac:spMkLst>
        </pc:spChg>
        <pc:spChg chg="add mod">
          <ac:chgData name="yechangqing" userId="9869b692-37df-47ec-97b9-0debc9dd442f" providerId="ADAL" clId="{822B707A-1CC2-492C-AE40-6AD70D224AA3}" dt="2023-05-19T07:49:28.932" v="1223" actId="1076"/>
          <ac:spMkLst>
            <pc:docMk/>
            <pc:sldMk cId="2026108760" sldId="935"/>
            <ac:spMk id="4" creationId="{0ACF1D52-6291-4AF7-BEFE-1A5CFCA5721C}"/>
          </ac:spMkLst>
        </pc:spChg>
        <pc:spChg chg="add del mod">
          <ac:chgData name="yechangqing" userId="9869b692-37df-47ec-97b9-0debc9dd442f" providerId="ADAL" clId="{822B707A-1CC2-492C-AE40-6AD70D224AA3}" dt="2023-05-21T12:55:50.400" v="1603" actId="1076"/>
          <ac:spMkLst>
            <pc:docMk/>
            <pc:sldMk cId="2026108760" sldId="935"/>
            <ac:spMk id="9" creationId="{F6DD9CD0-B30B-495F-862B-4BEAF4A2B09C}"/>
          </ac:spMkLst>
        </pc:spChg>
        <pc:spChg chg="add mod">
          <ac:chgData name="yechangqing" userId="9869b692-37df-47ec-97b9-0debc9dd442f" providerId="ADAL" clId="{822B707A-1CC2-492C-AE40-6AD70D224AA3}" dt="2023-05-19T08:40:31.420" v="1423" actId="20577"/>
          <ac:spMkLst>
            <pc:docMk/>
            <pc:sldMk cId="2026108760" sldId="935"/>
            <ac:spMk id="11" creationId="{3611F08F-2EED-4300-88C1-7576F6752BFC}"/>
          </ac:spMkLst>
        </pc:spChg>
        <pc:graphicFrameChg chg="add mod modGraphic">
          <ac:chgData name="yechangqing" userId="9869b692-37df-47ec-97b9-0debc9dd442f" providerId="ADAL" clId="{822B707A-1CC2-492C-AE40-6AD70D224AA3}" dt="2023-05-19T08:40:17.487" v="1421" actId="20577"/>
          <ac:graphicFrameMkLst>
            <pc:docMk/>
            <pc:sldMk cId="2026108760" sldId="935"/>
            <ac:graphicFrameMk id="8" creationId="{0C42FDCC-B1F3-46C2-A5DF-BD95E27AD4C5}"/>
          </ac:graphicFrameMkLst>
        </pc:graphicFrameChg>
        <pc:picChg chg="add mod">
          <ac:chgData name="yechangqing" userId="9869b692-37df-47ec-97b9-0debc9dd442f" providerId="ADAL" clId="{822B707A-1CC2-492C-AE40-6AD70D224AA3}" dt="2023-05-19T07:49:08.823" v="1219" actId="1076"/>
          <ac:picMkLst>
            <pc:docMk/>
            <pc:sldMk cId="2026108760" sldId="935"/>
            <ac:picMk id="5" creationId="{16363D09-B22B-40A8-AD09-55CD54FB63B6}"/>
          </ac:picMkLst>
        </pc:picChg>
        <pc:cxnChg chg="add mod">
          <ac:chgData name="yechangqing" userId="9869b692-37df-47ec-97b9-0debc9dd442f" providerId="ADAL" clId="{822B707A-1CC2-492C-AE40-6AD70D224AA3}" dt="2023-05-19T07:49:24.451" v="1222" actId="1582"/>
          <ac:cxnSpMkLst>
            <pc:docMk/>
            <pc:sldMk cId="2026108760" sldId="935"/>
            <ac:cxnSpMk id="7" creationId="{9D627161-A11A-42C4-84B5-49D2C6E5CDAD}"/>
          </ac:cxnSpMkLst>
        </pc:cxnChg>
      </pc:sldChg>
      <pc:sldChg chg="add">
        <pc:chgData name="yechangqing" userId="9869b692-37df-47ec-97b9-0debc9dd442f" providerId="ADAL" clId="{822B707A-1CC2-492C-AE40-6AD70D224AA3}" dt="2023-05-19T08:58:01.952" v="1476"/>
        <pc:sldMkLst>
          <pc:docMk/>
          <pc:sldMk cId="498415762" sldId="936"/>
        </pc:sldMkLst>
      </pc:sldChg>
      <pc:sldChg chg="addSp delSp modSp add mod delAnim">
        <pc:chgData name="yechangqing" userId="9869b692-37df-47ec-97b9-0debc9dd442f" providerId="ADAL" clId="{822B707A-1CC2-492C-AE40-6AD70D224AA3}" dt="2023-05-22T08:11:39.371" v="1797" actId="20577"/>
        <pc:sldMkLst>
          <pc:docMk/>
          <pc:sldMk cId="1579301796" sldId="937"/>
        </pc:sldMkLst>
        <pc:spChg chg="mod">
          <ac:chgData name="yechangqing" userId="9869b692-37df-47ec-97b9-0debc9dd442f" providerId="ADAL" clId="{822B707A-1CC2-492C-AE40-6AD70D224AA3}" dt="2023-05-22T07:29:27.754" v="1625"/>
          <ac:spMkLst>
            <pc:docMk/>
            <pc:sldMk cId="1579301796" sldId="937"/>
            <ac:spMk id="3" creationId="{566BF69C-FBAE-40E5-80B3-C52F4C607B8F}"/>
          </ac:spMkLst>
        </pc:spChg>
        <pc:spChg chg="del">
          <ac:chgData name="yechangqing" userId="9869b692-37df-47ec-97b9-0debc9dd442f" providerId="ADAL" clId="{822B707A-1CC2-492C-AE40-6AD70D224AA3}" dt="2023-05-22T07:29:17.451" v="1617" actId="478"/>
          <ac:spMkLst>
            <pc:docMk/>
            <pc:sldMk cId="1579301796" sldId="937"/>
            <ac:spMk id="4" creationId="{3A942EA1-E26B-4CD7-AF51-2BA393A65AC1}"/>
          </ac:spMkLst>
        </pc:spChg>
        <pc:spChg chg="del">
          <ac:chgData name="yechangqing" userId="9869b692-37df-47ec-97b9-0debc9dd442f" providerId="ADAL" clId="{822B707A-1CC2-492C-AE40-6AD70D224AA3}" dt="2023-05-22T07:29:19.622" v="1618" actId="478"/>
          <ac:spMkLst>
            <pc:docMk/>
            <pc:sldMk cId="1579301796" sldId="937"/>
            <ac:spMk id="7" creationId="{2C02BD5C-C917-47D7-BF86-9556991000C9}"/>
          </ac:spMkLst>
        </pc:spChg>
        <pc:spChg chg="mod">
          <ac:chgData name="yechangqing" userId="9869b692-37df-47ec-97b9-0debc9dd442f" providerId="ADAL" clId="{822B707A-1CC2-492C-AE40-6AD70D224AA3}" dt="2023-05-22T08:11:39.371" v="1797" actId="20577"/>
          <ac:spMkLst>
            <pc:docMk/>
            <pc:sldMk cId="1579301796" sldId="937"/>
            <ac:spMk id="10" creationId="{587D0E44-983A-4D3F-9714-23ED5E3AFB27}"/>
          </ac:spMkLst>
        </pc:spChg>
        <pc:spChg chg="del">
          <ac:chgData name="yechangqing" userId="9869b692-37df-47ec-97b9-0debc9dd442f" providerId="ADAL" clId="{822B707A-1CC2-492C-AE40-6AD70D224AA3}" dt="2023-05-22T07:38:42.857" v="1742" actId="478"/>
          <ac:spMkLst>
            <pc:docMk/>
            <pc:sldMk cId="1579301796" sldId="937"/>
            <ac:spMk id="11" creationId="{4C3B29BB-86EB-46F3-B87A-40A2FF400ECD}"/>
          </ac:spMkLst>
        </pc:spChg>
        <pc:spChg chg="add mod">
          <ac:chgData name="yechangqing" userId="9869b692-37df-47ec-97b9-0debc9dd442f" providerId="ADAL" clId="{822B707A-1CC2-492C-AE40-6AD70D224AA3}" dt="2023-05-22T07:35:00.646" v="1724"/>
          <ac:spMkLst>
            <pc:docMk/>
            <pc:sldMk cId="1579301796" sldId="937"/>
            <ac:spMk id="14" creationId="{7ECAD982-7A05-4970-83E2-1DBD69115CC3}"/>
          </ac:spMkLst>
        </pc:spChg>
        <pc:spChg chg="add mod">
          <ac:chgData name="yechangqing" userId="9869b692-37df-47ec-97b9-0debc9dd442f" providerId="ADAL" clId="{822B707A-1CC2-492C-AE40-6AD70D224AA3}" dt="2023-05-22T07:39:29.187" v="1756" actId="14100"/>
          <ac:spMkLst>
            <pc:docMk/>
            <pc:sldMk cId="1579301796" sldId="937"/>
            <ac:spMk id="18" creationId="{AE8271E1-BAE1-4394-83C0-1178146B08CB}"/>
          </ac:spMkLst>
        </pc:spChg>
        <pc:spChg chg="add mod">
          <ac:chgData name="yechangqing" userId="9869b692-37df-47ec-97b9-0debc9dd442f" providerId="ADAL" clId="{822B707A-1CC2-492C-AE40-6AD70D224AA3}" dt="2023-05-22T08:11:37.556" v="1796" actId="20577"/>
          <ac:spMkLst>
            <pc:docMk/>
            <pc:sldMk cId="1579301796" sldId="937"/>
            <ac:spMk id="26" creationId="{1A34F854-8E81-4097-BA1C-C1C255CD3AA5}"/>
          </ac:spMkLst>
        </pc:spChg>
        <pc:picChg chg="add mod">
          <ac:chgData name="yechangqing" userId="9869b692-37df-47ec-97b9-0debc9dd442f" providerId="ADAL" clId="{822B707A-1CC2-492C-AE40-6AD70D224AA3}" dt="2023-05-22T07:29:22.655" v="1620" actId="1076"/>
          <ac:picMkLst>
            <pc:docMk/>
            <pc:sldMk cId="1579301796" sldId="937"/>
            <ac:picMk id="6" creationId="{4F4387CA-EFA1-43D9-B21D-249DBF616991}"/>
          </ac:picMkLst>
        </pc:picChg>
        <pc:picChg chg="del">
          <ac:chgData name="yechangqing" userId="9869b692-37df-47ec-97b9-0debc9dd442f" providerId="ADAL" clId="{822B707A-1CC2-492C-AE40-6AD70D224AA3}" dt="2023-05-22T07:29:11.740" v="1616" actId="478"/>
          <ac:picMkLst>
            <pc:docMk/>
            <pc:sldMk cId="1579301796" sldId="937"/>
            <ac:picMk id="8" creationId="{33759328-DB1D-41DF-887C-E9C10FC6C3D8}"/>
          </ac:picMkLst>
        </pc:picChg>
        <pc:picChg chg="del">
          <ac:chgData name="yechangqing" userId="9869b692-37df-47ec-97b9-0debc9dd442f" providerId="ADAL" clId="{822B707A-1CC2-492C-AE40-6AD70D224AA3}" dt="2023-05-22T07:33:47.023" v="1688" actId="478"/>
          <ac:picMkLst>
            <pc:docMk/>
            <pc:sldMk cId="1579301796" sldId="937"/>
            <ac:picMk id="9" creationId="{86A1E03A-B4F7-493E-B378-E31A35F49B78}"/>
          </ac:picMkLst>
        </pc:picChg>
        <pc:picChg chg="add del mod">
          <ac:chgData name="yechangqing" userId="9869b692-37df-47ec-97b9-0debc9dd442f" providerId="ADAL" clId="{822B707A-1CC2-492C-AE40-6AD70D224AA3}" dt="2023-05-22T07:38:59.378" v="1744" actId="478"/>
          <ac:picMkLst>
            <pc:docMk/>
            <pc:sldMk cId="1579301796" sldId="937"/>
            <ac:picMk id="15" creationId="{CBACCB71-DBB7-41D6-B6D6-C19477D3A197}"/>
          </ac:picMkLst>
        </pc:picChg>
        <pc:picChg chg="add mod">
          <ac:chgData name="yechangqing" userId="9869b692-37df-47ec-97b9-0debc9dd442f" providerId="ADAL" clId="{822B707A-1CC2-492C-AE40-6AD70D224AA3}" dt="2023-05-22T07:39:05.224" v="1748" actId="1076"/>
          <ac:picMkLst>
            <pc:docMk/>
            <pc:sldMk cId="1579301796" sldId="937"/>
            <ac:picMk id="17" creationId="{1D946117-1015-4E01-81AA-BC3378DC34C7}"/>
          </ac:picMkLst>
        </pc:picChg>
        <pc:picChg chg="add del mod">
          <ac:chgData name="yechangqing" userId="9869b692-37df-47ec-97b9-0debc9dd442f" providerId="ADAL" clId="{822B707A-1CC2-492C-AE40-6AD70D224AA3}" dt="2023-05-22T08:08:10.792" v="1770" actId="478"/>
          <ac:picMkLst>
            <pc:docMk/>
            <pc:sldMk cId="1579301796" sldId="937"/>
            <ac:picMk id="20" creationId="{AF7A0EE8-1B4B-4314-AC14-D36DAD3A6F7A}"/>
          </ac:picMkLst>
        </pc:picChg>
        <pc:picChg chg="del">
          <ac:chgData name="yechangqing" userId="9869b692-37df-47ec-97b9-0debc9dd442f" providerId="ADAL" clId="{822B707A-1CC2-492C-AE40-6AD70D224AA3}" dt="2023-05-22T07:38:25.434" v="1734" actId="478"/>
          <ac:picMkLst>
            <pc:docMk/>
            <pc:sldMk cId="1579301796" sldId="937"/>
            <ac:picMk id="22" creationId="{C5E1A6DF-9EDF-420B-B8BF-E319B085E046}"/>
          </ac:picMkLst>
        </pc:picChg>
        <pc:picChg chg="add del mod">
          <ac:chgData name="yechangqing" userId="9869b692-37df-47ec-97b9-0debc9dd442f" providerId="ADAL" clId="{822B707A-1CC2-492C-AE40-6AD70D224AA3}" dt="2023-05-22T08:11:07.664" v="1782" actId="478"/>
          <ac:picMkLst>
            <pc:docMk/>
            <pc:sldMk cId="1579301796" sldId="937"/>
            <ac:picMk id="25" creationId="{C92AAA7C-5802-46AB-A0FB-8DF83F9C8599}"/>
          </ac:picMkLst>
        </pc:picChg>
        <pc:picChg chg="add mod ord">
          <ac:chgData name="yechangqing" userId="9869b692-37df-47ec-97b9-0debc9dd442f" providerId="ADAL" clId="{822B707A-1CC2-492C-AE40-6AD70D224AA3}" dt="2023-05-22T08:11:15.469" v="1787" actId="167"/>
          <ac:picMkLst>
            <pc:docMk/>
            <pc:sldMk cId="1579301796" sldId="937"/>
            <ac:picMk id="28" creationId="{F3016774-1D8D-4749-9C6C-96DDFF1F03BE}"/>
          </ac:picMkLst>
        </pc:picChg>
        <pc:cxnChg chg="add mod">
          <ac:chgData name="yechangqing" userId="9869b692-37df-47ec-97b9-0debc9dd442f" providerId="ADAL" clId="{822B707A-1CC2-492C-AE40-6AD70D224AA3}" dt="2023-05-22T07:41:09.213" v="1769"/>
          <ac:cxnSpMkLst>
            <pc:docMk/>
            <pc:sldMk cId="1579301796" sldId="937"/>
            <ac:cxnSpMk id="23" creationId="{02F7D9DD-B87E-4D9B-A841-1DC9122800A5}"/>
          </ac:cxnSpMkLst>
        </pc:cxnChg>
      </pc:sldChg>
      <pc:sldChg chg="addSp modSp new del mod">
        <pc:chgData name="yechangqing" userId="9869b692-37df-47ec-97b9-0debc9dd442f" providerId="ADAL" clId="{822B707A-1CC2-492C-AE40-6AD70D224AA3}" dt="2023-05-21T14:34:32.258" v="1614" actId="47"/>
        <pc:sldMkLst>
          <pc:docMk/>
          <pc:sldMk cId="2535483985" sldId="937"/>
        </pc:sldMkLst>
        <pc:spChg chg="mod">
          <ac:chgData name="yechangqing" userId="9869b692-37df-47ec-97b9-0debc9dd442f" providerId="ADAL" clId="{822B707A-1CC2-492C-AE40-6AD70D224AA3}" dt="2023-05-21T12:58:54.268" v="1610"/>
          <ac:spMkLst>
            <pc:docMk/>
            <pc:sldMk cId="2535483985" sldId="937"/>
            <ac:spMk id="3" creationId="{42598840-F619-4767-ABE0-65EDAF0AC12C}"/>
          </ac:spMkLst>
        </pc:spChg>
        <pc:picChg chg="add mod">
          <ac:chgData name="yechangqing" userId="9869b692-37df-47ec-97b9-0debc9dd442f" providerId="ADAL" clId="{822B707A-1CC2-492C-AE40-6AD70D224AA3}" dt="2023-05-21T12:59:01.898" v="1613" actId="1076"/>
          <ac:picMkLst>
            <pc:docMk/>
            <pc:sldMk cId="2535483985" sldId="937"/>
            <ac:picMk id="5" creationId="{5DD1FD71-6DE3-4715-B022-B9A711219C1C}"/>
          </ac:picMkLst>
        </pc:picChg>
      </pc:sldChg>
      <pc:sldChg chg="addSp modSp new mod">
        <pc:chgData name="yechangqing" userId="9869b692-37df-47ec-97b9-0debc9dd442f" providerId="ADAL" clId="{822B707A-1CC2-492C-AE40-6AD70D224AA3}" dt="2023-05-22T08:56:33.269" v="1941" actId="1076"/>
        <pc:sldMkLst>
          <pc:docMk/>
          <pc:sldMk cId="3796981034" sldId="938"/>
        </pc:sldMkLst>
        <pc:spChg chg="mod">
          <ac:chgData name="yechangqing" userId="9869b692-37df-47ec-97b9-0debc9dd442f" providerId="ADAL" clId="{822B707A-1CC2-492C-AE40-6AD70D224AA3}" dt="2023-05-22T08:53:39.168" v="1851" actId="20577"/>
          <ac:spMkLst>
            <pc:docMk/>
            <pc:sldMk cId="3796981034" sldId="938"/>
            <ac:spMk id="3" creationId="{A7CD9E4A-D300-44F1-A9FE-30913AB859BB}"/>
          </ac:spMkLst>
        </pc:spChg>
        <pc:spChg chg="add mod">
          <ac:chgData name="yechangqing" userId="9869b692-37df-47ec-97b9-0debc9dd442f" providerId="ADAL" clId="{822B707A-1CC2-492C-AE40-6AD70D224AA3}" dt="2023-05-22T08:56:33.269" v="1941" actId="1076"/>
          <ac:spMkLst>
            <pc:docMk/>
            <pc:sldMk cId="3796981034" sldId="938"/>
            <ac:spMk id="4" creationId="{754E9831-B576-48ED-9137-AFC1E4DA5016}"/>
          </ac:spMkLst>
        </pc:spChg>
      </pc:sldChg>
    </pc:docChg>
  </pc:docChgLst>
  <pc:docChgLst>
    <pc:chgData name="yechangqing" userId="9869b692-37df-47ec-97b9-0debc9dd442f" providerId="ADAL" clId="{EF85BF7F-7BBE-4A05-AB8C-AA590591606B}"/>
    <pc:docChg chg="undo custSel addSld delSld modSld sldOrd">
      <pc:chgData name="yechangqing" userId="9869b692-37df-47ec-97b9-0debc9dd442f" providerId="ADAL" clId="{EF85BF7F-7BBE-4A05-AB8C-AA590591606B}" dt="2023-03-28T08:40:01.928" v="922" actId="47"/>
      <pc:docMkLst>
        <pc:docMk/>
      </pc:docMkLst>
      <pc:sldChg chg="addSp delSp modSp mod ord delAnim">
        <pc:chgData name="yechangqing" userId="9869b692-37df-47ec-97b9-0debc9dd442f" providerId="ADAL" clId="{EF85BF7F-7BBE-4A05-AB8C-AA590591606B}" dt="2023-03-28T06:29:13.607" v="139"/>
        <pc:sldMkLst>
          <pc:docMk/>
          <pc:sldMk cId="1989376727" sldId="810"/>
        </pc:sldMkLst>
        <pc:spChg chg="mod">
          <ac:chgData name="yechangqing" userId="9869b692-37df-47ec-97b9-0debc9dd442f" providerId="ADAL" clId="{EF85BF7F-7BBE-4A05-AB8C-AA590591606B}" dt="2023-03-28T06:29:13.607" v="139"/>
          <ac:spMkLst>
            <pc:docMk/>
            <pc:sldMk cId="1989376727" sldId="810"/>
            <ac:spMk id="5" creationId="{66C6B931-5D8D-45BA-ACF6-FD869F270600}"/>
          </ac:spMkLst>
        </pc:spChg>
        <pc:spChg chg="del">
          <ac:chgData name="yechangqing" userId="9869b692-37df-47ec-97b9-0debc9dd442f" providerId="ADAL" clId="{EF85BF7F-7BBE-4A05-AB8C-AA590591606B}" dt="2023-03-28T05:27:15.416" v="22" actId="478"/>
          <ac:spMkLst>
            <pc:docMk/>
            <pc:sldMk cId="1989376727" sldId="810"/>
            <ac:spMk id="10" creationId="{B4A688D8-59B4-419C-A201-8382E4AE0612}"/>
          </ac:spMkLst>
        </pc:spChg>
        <pc:picChg chg="add mod">
          <ac:chgData name="yechangqing" userId="9869b692-37df-47ec-97b9-0debc9dd442f" providerId="ADAL" clId="{EF85BF7F-7BBE-4A05-AB8C-AA590591606B}" dt="2023-03-28T06:28:54.982" v="133" actId="1076"/>
          <ac:picMkLst>
            <pc:docMk/>
            <pc:sldMk cId="1989376727" sldId="810"/>
            <ac:picMk id="6" creationId="{BF1AA73E-B64A-4200-9E55-A6D94C735CDF}"/>
          </ac:picMkLst>
        </pc:picChg>
      </pc:sldChg>
      <pc:sldChg chg="del">
        <pc:chgData name="yechangqing" userId="9869b692-37df-47ec-97b9-0debc9dd442f" providerId="ADAL" clId="{EF85BF7F-7BBE-4A05-AB8C-AA590591606B}" dt="2023-03-28T08:40:01.928" v="922" actId="47"/>
        <pc:sldMkLst>
          <pc:docMk/>
          <pc:sldMk cId="1882287255" sldId="841"/>
        </pc:sldMkLst>
      </pc:sldChg>
      <pc:sldChg chg="del">
        <pc:chgData name="yechangqing" userId="9869b692-37df-47ec-97b9-0debc9dd442f" providerId="ADAL" clId="{EF85BF7F-7BBE-4A05-AB8C-AA590591606B}" dt="2023-03-28T08:40:01.414" v="921" actId="47"/>
        <pc:sldMkLst>
          <pc:docMk/>
          <pc:sldMk cId="2808851533" sldId="842"/>
        </pc:sldMkLst>
      </pc:sldChg>
      <pc:sldChg chg="add del">
        <pc:chgData name="yechangqing" userId="9869b692-37df-47ec-97b9-0debc9dd442f" providerId="ADAL" clId="{EF85BF7F-7BBE-4A05-AB8C-AA590591606B}" dt="2023-03-28T08:40:01.219" v="920" actId="47"/>
        <pc:sldMkLst>
          <pc:docMk/>
          <pc:sldMk cId="2481795841" sldId="849"/>
        </pc:sldMkLst>
      </pc:sldChg>
      <pc:sldChg chg="add del">
        <pc:chgData name="yechangqing" userId="9869b692-37df-47ec-97b9-0debc9dd442f" providerId="ADAL" clId="{EF85BF7F-7BBE-4A05-AB8C-AA590591606B}" dt="2023-03-28T08:40:01" v="919" actId="47"/>
        <pc:sldMkLst>
          <pc:docMk/>
          <pc:sldMk cId="1318776204" sldId="852"/>
        </pc:sldMkLst>
      </pc:sldChg>
      <pc:sldChg chg="delSp modSp add del mod">
        <pc:chgData name="yechangqing" userId="9869b692-37df-47ec-97b9-0debc9dd442f" providerId="ADAL" clId="{EF85BF7F-7BBE-4A05-AB8C-AA590591606B}" dt="2023-03-28T07:36:51.263" v="660" actId="47"/>
        <pc:sldMkLst>
          <pc:docMk/>
          <pc:sldMk cId="1197340491" sldId="858"/>
        </pc:sldMkLst>
        <pc:spChg chg="mod">
          <ac:chgData name="yechangqing" userId="9869b692-37df-47ec-97b9-0debc9dd442f" providerId="ADAL" clId="{EF85BF7F-7BBE-4A05-AB8C-AA590591606B}" dt="2023-03-28T05:28:24.074" v="37" actId="27636"/>
          <ac:spMkLst>
            <pc:docMk/>
            <pc:sldMk cId="1197340491" sldId="858"/>
            <ac:spMk id="3" creationId="{45CB12BA-8D03-491E-93D6-54538F3421A4}"/>
          </ac:spMkLst>
        </pc:spChg>
        <pc:spChg chg="mod">
          <ac:chgData name="yechangqing" userId="9869b692-37df-47ec-97b9-0debc9dd442f" providerId="ADAL" clId="{EF85BF7F-7BBE-4A05-AB8C-AA590591606B}" dt="2023-03-28T05:46:28.642" v="47" actId="1076"/>
          <ac:spMkLst>
            <pc:docMk/>
            <pc:sldMk cId="1197340491" sldId="858"/>
            <ac:spMk id="9" creationId="{996DED26-12FA-412E-9F3B-BDDB502607F7}"/>
          </ac:spMkLst>
        </pc:spChg>
        <pc:spChg chg="mod">
          <ac:chgData name="yechangqing" userId="9869b692-37df-47ec-97b9-0debc9dd442f" providerId="ADAL" clId="{EF85BF7F-7BBE-4A05-AB8C-AA590591606B}" dt="2023-03-28T05:46:50.675" v="52" actId="1076"/>
          <ac:spMkLst>
            <pc:docMk/>
            <pc:sldMk cId="1197340491" sldId="858"/>
            <ac:spMk id="27" creationId="{5DB09092-1DDA-4FA0-984E-4D2E0D2D031A}"/>
          </ac:spMkLst>
        </pc:spChg>
        <pc:graphicFrameChg chg="mod modGraphic">
          <ac:chgData name="yechangqing" userId="9869b692-37df-47ec-97b9-0debc9dd442f" providerId="ADAL" clId="{EF85BF7F-7BBE-4A05-AB8C-AA590591606B}" dt="2023-03-28T05:49:39.669" v="79" actId="20577"/>
          <ac:graphicFrameMkLst>
            <pc:docMk/>
            <pc:sldMk cId="1197340491" sldId="858"/>
            <ac:graphicFrameMk id="10" creationId="{C3071DD6-57C3-44E7-89E2-8B66740CD03D}"/>
          </ac:graphicFrameMkLst>
        </pc:graphicFrameChg>
        <pc:picChg chg="mod">
          <ac:chgData name="yechangqing" userId="9869b692-37df-47ec-97b9-0debc9dd442f" providerId="ADAL" clId="{EF85BF7F-7BBE-4A05-AB8C-AA590591606B}" dt="2023-03-28T05:46:23.732" v="46" actId="1076"/>
          <ac:picMkLst>
            <pc:docMk/>
            <pc:sldMk cId="1197340491" sldId="858"/>
            <ac:picMk id="5" creationId="{0F6AE682-B00A-4D93-8EA0-C8C200E5BA84}"/>
          </ac:picMkLst>
        </pc:picChg>
        <pc:picChg chg="del">
          <ac:chgData name="yechangqing" userId="9869b692-37df-47ec-97b9-0debc9dd442f" providerId="ADAL" clId="{EF85BF7F-7BBE-4A05-AB8C-AA590591606B}" dt="2023-03-28T05:46:15.821" v="41" actId="478"/>
          <ac:picMkLst>
            <pc:docMk/>
            <pc:sldMk cId="1197340491" sldId="858"/>
            <ac:picMk id="7" creationId="{6C42B73A-8C57-4EE2-9DE3-9A2EBF3315B5}"/>
          </ac:picMkLst>
        </pc:picChg>
        <pc:cxnChg chg="del">
          <ac:chgData name="yechangqing" userId="9869b692-37df-47ec-97b9-0debc9dd442f" providerId="ADAL" clId="{EF85BF7F-7BBE-4A05-AB8C-AA590591606B}" dt="2023-03-28T05:46:17.899" v="43" actId="478"/>
          <ac:cxnSpMkLst>
            <pc:docMk/>
            <pc:sldMk cId="1197340491" sldId="858"/>
            <ac:cxnSpMk id="18" creationId="{63CC877E-9D32-4110-B0B6-B9DC43A431E3}"/>
          </ac:cxnSpMkLst>
        </pc:cxnChg>
        <pc:cxnChg chg="del">
          <ac:chgData name="yechangqing" userId="9869b692-37df-47ec-97b9-0debc9dd442f" providerId="ADAL" clId="{EF85BF7F-7BBE-4A05-AB8C-AA590591606B}" dt="2023-03-28T05:46:17.180" v="42" actId="478"/>
          <ac:cxnSpMkLst>
            <pc:docMk/>
            <pc:sldMk cId="1197340491" sldId="858"/>
            <ac:cxnSpMk id="20" creationId="{C0410830-B897-4990-9349-A4AB58D6CA4A}"/>
          </ac:cxnSpMkLst>
        </pc:cxnChg>
      </pc:sldChg>
      <pc:sldChg chg="del">
        <pc:chgData name="yechangqing" userId="9869b692-37df-47ec-97b9-0debc9dd442f" providerId="ADAL" clId="{EF85BF7F-7BBE-4A05-AB8C-AA590591606B}" dt="2023-03-28T05:27:59.573" v="25" actId="2696"/>
        <pc:sldMkLst>
          <pc:docMk/>
          <pc:sldMk cId="3800540783" sldId="858"/>
        </pc:sldMkLst>
      </pc:sldChg>
      <pc:sldChg chg="del">
        <pc:chgData name="yechangqing" userId="9869b692-37df-47ec-97b9-0debc9dd442f" providerId="ADAL" clId="{EF85BF7F-7BBE-4A05-AB8C-AA590591606B}" dt="2023-03-28T07:36:53.543" v="661" actId="47"/>
        <pc:sldMkLst>
          <pc:docMk/>
          <pc:sldMk cId="636634254" sldId="865"/>
        </pc:sldMkLst>
      </pc:sldChg>
      <pc:sldChg chg="modSp mod">
        <pc:chgData name="yechangqing" userId="9869b692-37df-47ec-97b9-0debc9dd442f" providerId="ADAL" clId="{EF85BF7F-7BBE-4A05-AB8C-AA590591606B}" dt="2023-03-28T05:26:30.953" v="20" actId="20577"/>
        <pc:sldMkLst>
          <pc:docMk/>
          <pc:sldMk cId="2537435361" sldId="868"/>
        </pc:sldMkLst>
        <pc:spChg chg="mod">
          <ac:chgData name="yechangqing" userId="9869b692-37df-47ec-97b9-0debc9dd442f" providerId="ADAL" clId="{EF85BF7F-7BBE-4A05-AB8C-AA590591606B}" dt="2023-03-28T05:26:30.953" v="20" actId="20577"/>
          <ac:spMkLst>
            <pc:docMk/>
            <pc:sldMk cId="2537435361" sldId="868"/>
            <ac:spMk id="4" creationId="{9283301B-C53B-4048-B618-485924E3568F}"/>
          </ac:spMkLst>
        </pc:spChg>
      </pc:sldChg>
      <pc:sldChg chg="addSp delSp modSp mod">
        <pc:chgData name="yechangqing" userId="9869b692-37df-47ec-97b9-0debc9dd442f" providerId="ADAL" clId="{EF85BF7F-7BBE-4A05-AB8C-AA590591606B}" dt="2023-03-27T09:25:17.180" v="10" actId="1076"/>
        <pc:sldMkLst>
          <pc:docMk/>
          <pc:sldMk cId="3705095069" sldId="869"/>
        </pc:sldMkLst>
        <pc:graphicFrameChg chg="del">
          <ac:chgData name="yechangqing" userId="9869b692-37df-47ec-97b9-0debc9dd442f" providerId="ADAL" clId="{EF85BF7F-7BBE-4A05-AB8C-AA590591606B}" dt="2023-03-27T09:24:53.074" v="0" actId="478"/>
          <ac:graphicFrameMkLst>
            <pc:docMk/>
            <pc:sldMk cId="3705095069" sldId="869"/>
            <ac:graphicFrameMk id="7" creationId="{5A1126E6-90DD-45BE-B939-2540C7D528D2}"/>
          </ac:graphicFrameMkLst>
        </pc:graphicFrameChg>
        <pc:graphicFrameChg chg="del">
          <ac:chgData name="yechangqing" userId="9869b692-37df-47ec-97b9-0debc9dd442f" providerId="ADAL" clId="{EF85BF7F-7BBE-4A05-AB8C-AA590591606B}" dt="2023-03-27T09:24:54.596" v="1" actId="478"/>
          <ac:graphicFrameMkLst>
            <pc:docMk/>
            <pc:sldMk cId="3705095069" sldId="869"/>
            <ac:graphicFrameMk id="8" creationId="{CE6BA594-40B3-4E89-B318-98F8EA8F24A9}"/>
          </ac:graphicFrameMkLst>
        </pc:graphicFrameChg>
        <pc:picChg chg="add mod">
          <ac:chgData name="yechangqing" userId="9869b692-37df-47ec-97b9-0debc9dd442f" providerId="ADAL" clId="{EF85BF7F-7BBE-4A05-AB8C-AA590591606B}" dt="2023-03-27T09:25:14.339" v="9" actId="1076"/>
          <ac:picMkLst>
            <pc:docMk/>
            <pc:sldMk cId="3705095069" sldId="869"/>
            <ac:picMk id="5" creationId="{DE54D0FA-9777-4B68-BA96-CC43607152E6}"/>
          </ac:picMkLst>
        </pc:picChg>
        <pc:picChg chg="add mod">
          <ac:chgData name="yechangqing" userId="9869b692-37df-47ec-97b9-0debc9dd442f" providerId="ADAL" clId="{EF85BF7F-7BBE-4A05-AB8C-AA590591606B}" dt="2023-03-27T09:25:17.180" v="10" actId="1076"/>
          <ac:picMkLst>
            <pc:docMk/>
            <pc:sldMk cId="3705095069" sldId="869"/>
            <ac:picMk id="10" creationId="{D8DCC302-8287-46F1-BAB9-47DC1FDF8108}"/>
          </ac:picMkLst>
        </pc:picChg>
      </pc:sldChg>
      <pc:sldChg chg="addSp delSp modSp mod">
        <pc:chgData name="yechangqing" userId="9869b692-37df-47ec-97b9-0debc9dd442f" providerId="ADAL" clId="{EF85BF7F-7BBE-4A05-AB8C-AA590591606B}" dt="2023-03-27T09:26:16.648" v="16" actId="1076"/>
        <pc:sldMkLst>
          <pc:docMk/>
          <pc:sldMk cId="230859728" sldId="873"/>
        </pc:sldMkLst>
        <pc:graphicFrameChg chg="del">
          <ac:chgData name="yechangqing" userId="9869b692-37df-47ec-97b9-0debc9dd442f" providerId="ADAL" clId="{EF85BF7F-7BBE-4A05-AB8C-AA590591606B}" dt="2023-03-27T09:25:48.022" v="11" actId="478"/>
          <ac:graphicFrameMkLst>
            <pc:docMk/>
            <pc:sldMk cId="230859728" sldId="873"/>
            <ac:graphicFrameMk id="11" creationId="{F4FFC8E6-66AF-475F-A024-2DB00C29D02F}"/>
          </ac:graphicFrameMkLst>
        </pc:graphicFrameChg>
        <pc:graphicFrameChg chg="add mod">
          <ac:chgData name="yechangqing" userId="9869b692-37df-47ec-97b9-0debc9dd442f" providerId="ADAL" clId="{EF85BF7F-7BBE-4A05-AB8C-AA590591606B}" dt="2023-03-27T09:26:16.648" v="16" actId="1076"/>
          <ac:graphicFrameMkLst>
            <pc:docMk/>
            <pc:sldMk cId="230859728" sldId="873"/>
            <ac:graphicFrameMk id="13" creationId="{F4FFC8E6-66AF-475F-A024-2DB00C29D02F}"/>
          </ac:graphicFrameMkLst>
        </pc:graphicFrameChg>
      </pc:sldChg>
      <pc:sldChg chg="addSp delSp modSp new mod">
        <pc:chgData name="yechangqing" userId="9869b692-37df-47ec-97b9-0debc9dd442f" providerId="ADAL" clId="{EF85BF7F-7BBE-4A05-AB8C-AA590591606B}" dt="2023-03-28T07:07:08.682" v="250" actId="14100"/>
        <pc:sldMkLst>
          <pc:docMk/>
          <pc:sldMk cId="562022469" sldId="876"/>
        </pc:sldMkLst>
        <pc:spChg chg="mod">
          <ac:chgData name="yechangqing" userId="9869b692-37df-47ec-97b9-0debc9dd442f" providerId="ADAL" clId="{EF85BF7F-7BBE-4A05-AB8C-AA590591606B}" dt="2023-03-28T06:04:01.968" v="87"/>
          <ac:spMkLst>
            <pc:docMk/>
            <pc:sldMk cId="562022469" sldId="876"/>
            <ac:spMk id="3" creationId="{93F0E017-244B-4589-A414-C3DB42D87DE6}"/>
          </ac:spMkLst>
        </pc:spChg>
        <pc:spChg chg="add del mod">
          <ac:chgData name="yechangqing" userId="9869b692-37df-47ec-97b9-0debc9dd442f" providerId="ADAL" clId="{EF85BF7F-7BBE-4A05-AB8C-AA590591606B}" dt="2023-03-28T06:34:57.367" v="191" actId="478"/>
          <ac:spMkLst>
            <pc:docMk/>
            <pc:sldMk cId="562022469" sldId="876"/>
            <ac:spMk id="6" creationId="{BFDB02B7-50CA-4B18-90BA-7591860F90E2}"/>
          </ac:spMkLst>
        </pc:spChg>
        <pc:spChg chg="add mod">
          <ac:chgData name="yechangqing" userId="9869b692-37df-47ec-97b9-0debc9dd442f" providerId="ADAL" clId="{EF85BF7F-7BBE-4A05-AB8C-AA590591606B}" dt="2023-03-28T07:06:43.797" v="243" actId="20577"/>
          <ac:spMkLst>
            <pc:docMk/>
            <pc:sldMk cId="562022469" sldId="876"/>
            <ac:spMk id="8" creationId="{0DF9DA2F-F3D5-454F-81CD-EE5ABE3A3FE5}"/>
          </ac:spMkLst>
        </pc:spChg>
        <pc:spChg chg="add mod">
          <ac:chgData name="yechangqing" userId="9869b692-37df-47ec-97b9-0debc9dd442f" providerId="ADAL" clId="{EF85BF7F-7BBE-4A05-AB8C-AA590591606B}" dt="2023-03-28T06:35:33.610" v="203" actId="1076"/>
          <ac:spMkLst>
            <pc:docMk/>
            <pc:sldMk cId="562022469" sldId="876"/>
            <ac:spMk id="11" creationId="{14CE1E53-5A25-4F1D-8754-58972494B6CF}"/>
          </ac:spMkLst>
        </pc:spChg>
        <pc:picChg chg="add mod">
          <ac:chgData name="yechangqing" userId="9869b692-37df-47ec-97b9-0debc9dd442f" providerId="ADAL" clId="{EF85BF7F-7BBE-4A05-AB8C-AA590591606B}" dt="2023-03-28T06:34:39.041" v="174" actId="1036"/>
          <ac:picMkLst>
            <pc:docMk/>
            <pc:sldMk cId="562022469" sldId="876"/>
            <ac:picMk id="5" creationId="{68F785CD-B26F-445F-AB27-3459EAE83E7E}"/>
          </ac:picMkLst>
        </pc:picChg>
        <pc:picChg chg="add del mod">
          <ac:chgData name="yechangqing" userId="9869b692-37df-47ec-97b9-0debc9dd442f" providerId="ADAL" clId="{EF85BF7F-7BBE-4A05-AB8C-AA590591606B}" dt="2023-03-28T06:34:54.428" v="190" actId="478"/>
          <ac:picMkLst>
            <pc:docMk/>
            <pc:sldMk cId="562022469" sldId="876"/>
            <ac:picMk id="10" creationId="{4BC0BD6B-FABD-4660-AEA7-935A5470CD85}"/>
          </ac:picMkLst>
        </pc:picChg>
        <pc:picChg chg="add del mod">
          <ac:chgData name="yechangqing" userId="9869b692-37df-47ec-97b9-0debc9dd442f" providerId="ADAL" clId="{EF85BF7F-7BBE-4A05-AB8C-AA590591606B}" dt="2023-03-28T07:06:53.317" v="244" actId="478"/>
          <ac:picMkLst>
            <pc:docMk/>
            <pc:sldMk cId="562022469" sldId="876"/>
            <ac:picMk id="12" creationId="{F23C33A8-3564-40C0-97CE-4674FC9F3F77}"/>
          </ac:picMkLst>
        </pc:picChg>
        <pc:picChg chg="add mod">
          <ac:chgData name="yechangqing" userId="9869b692-37df-47ec-97b9-0debc9dd442f" providerId="ADAL" clId="{EF85BF7F-7BBE-4A05-AB8C-AA590591606B}" dt="2023-03-28T06:35:46.883" v="206" actId="1076"/>
          <ac:picMkLst>
            <pc:docMk/>
            <pc:sldMk cId="562022469" sldId="876"/>
            <ac:picMk id="14" creationId="{ED0947D4-AFFF-4BE2-8C62-20B523DBAF42}"/>
          </ac:picMkLst>
        </pc:picChg>
        <pc:picChg chg="add mod">
          <ac:chgData name="yechangqing" userId="9869b692-37df-47ec-97b9-0debc9dd442f" providerId="ADAL" clId="{EF85BF7F-7BBE-4A05-AB8C-AA590591606B}" dt="2023-03-28T07:07:08.682" v="250" actId="14100"/>
          <ac:picMkLst>
            <pc:docMk/>
            <pc:sldMk cId="562022469" sldId="876"/>
            <ac:picMk id="16" creationId="{B3FA5FA7-C96E-408E-8735-6EAB3480BC5D}"/>
          </ac:picMkLst>
        </pc:picChg>
      </pc:sldChg>
      <pc:sldChg chg="addSp modSp new mod">
        <pc:chgData name="yechangqing" userId="9869b692-37df-47ec-97b9-0debc9dd442f" providerId="ADAL" clId="{EF85BF7F-7BBE-4A05-AB8C-AA590591606B}" dt="2023-03-28T07:45:21.043" v="783" actId="20577"/>
        <pc:sldMkLst>
          <pc:docMk/>
          <pc:sldMk cId="334177157" sldId="877"/>
        </pc:sldMkLst>
        <pc:spChg chg="mod">
          <ac:chgData name="yechangqing" userId="9869b692-37df-47ec-97b9-0debc9dd442f" providerId="ADAL" clId="{EF85BF7F-7BBE-4A05-AB8C-AA590591606B}" dt="2023-03-28T06:36:15.640" v="227"/>
          <ac:spMkLst>
            <pc:docMk/>
            <pc:sldMk cId="334177157" sldId="877"/>
            <ac:spMk id="3" creationId="{9C279A8D-A5BF-426F-8BD5-6060CCCBE9DC}"/>
          </ac:spMkLst>
        </pc:spChg>
        <pc:spChg chg="add mod">
          <ac:chgData name="yechangqing" userId="9869b692-37df-47ec-97b9-0debc9dd442f" providerId="ADAL" clId="{EF85BF7F-7BBE-4A05-AB8C-AA590591606B}" dt="2023-03-28T07:23:04.135" v="258" actId="1076"/>
          <ac:spMkLst>
            <pc:docMk/>
            <pc:sldMk cId="334177157" sldId="877"/>
            <ac:spMk id="4" creationId="{D9813186-9B7C-4F0E-91B0-DCCDA12279BC}"/>
          </ac:spMkLst>
        </pc:spChg>
        <pc:spChg chg="add mod">
          <ac:chgData name="yechangqing" userId="9869b692-37df-47ec-97b9-0debc9dd442f" providerId="ADAL" clId="{EF85BF7F-7BBE-4A05-AB8C-AA590591606B}" dt="2023-03-28T07:32:57.364" v="603" actId="20577"/>
          <ac:spMkLst>
            <pc:docMk/>
            <pc:sldMk cId="334177157" sldId="877"/>
            <ac:spMk id="7" creationId="{82FBE670-DD5D-45F5-B19B-A83C75E839AE}"/>
          </ac:spMkLst>
        </pc:spChg>
        <pc:spChg chg="add mod">
          <ac:chgData name="yechangqing" userId="9869b692-37df-47ec-97b9-0debc9dd442f" providerId="ADAL" clId="{EF85BF7F-7BBE-4A05-AB8C-AA590591606B}" dt="2023-03-28T07:45:21.043" v="783" actId="20577"/>
          <ac:spMkLst>
            <pc:docMk/>
            <pc:sldMk cId="334177157" sldId="877"/>
            <ac:spMk id="8" creationId="{B92946CA-AE1B-4497-9805-BE8F87B80B18}"/>
          </ac:spMkLst>
        </pc:spChg>
        <pc:picChg chg="add mod">
          <ac:chgData name="yechangqing" userId="9869b692-37df-47ec-97b9-0debc9dd442f" providerId="ADAL" clId="{EF85BF7F-7BBE-4A05-AB8C-AA590591606B}" dt="2023-03-28T07:32:55.715" v="602" actId="1076"/>
          <ac:picMkLst>
            <pc:docMk/>
            <pc:sldMk cId="334177157" sldId="877"/>
            <ac:picMk id="6" creationId="{03A8BEEE-4544-421A-8D77-02EB6FA11319}"/>
          </ac:picMkLst>
        </pc:picChg>
      </pc:sldChg>
      <pc:sldChg chg="addSp modSp new mod">
        <pc:chgData name="yechangqing" userId="9869b692-37df-47ec-97b9-0debc9dd442f" providerId="ADAL" clId="{EF85BF7F-7BBE-4A05-AB8C-AA590591606B}" dt="2023-03-28T08:17:25.195" v="906" actId="404"/>
        <pc:sldMkLst>
          <pc:docMk/>
          <pc:sldMk cId="1519706152" sldId="878"/>
        </pc:sldMkLst>
        <pc:spChg chg="mod">
          <ac:chgData name="yechangqing" userId="9869b692-37df-47ec-97b9-0debc9dd442f" providerId="ADAL" clId="{EF85BF7F-7BBE-4A05-AB8C-AA590591606B}" dt="2023-03-28T07:45:53.249" v="799" actId="20577"/>
          <ac:spMkLst>
            <pc:docMk/>
            <pc:sldMk cId="1519706152" sldId="878"/>
            <ac:spMk id="3" creationId="{3DB326B1-3E2F-48F9-B501-C1DDF420F4E1}"/>
          </ac:spMkLst>
        </pc:spChg>
        <pc:graphicFrameChg chg="add mod modGraphic">
          <ac:chgData name="yechangqing" userId="9869b692-37df-47ec-97b9-0debc9dd442f" providerId="ADAL" clId="{EF85BF7F-7BBE-4A05-AB8C-AA590591606B}" dt="2023-03-28T08:17:25.195" v="906" actId="404"/>
          <ac:graphicFrameMkLst>
            <pc:docMk/>
            <pc:sldMk cId="1519706152" sldId="878"/>
            <ac:graphicFrameMk id="4" creationId="{F412D227-5794-4679-B26E-9727D792B859}"/>
          </ac:graphicFrameMkLst>
        </pc:graphicFrameChg>
      </pc:sldChg>
      <pc:sldChg chg="modSp add del mod">
        <pc:chgData name="yechangqing" userId="9869b692-37df-47ec-97b9-0debc9dd442f" providerId="ADAL" clId="{EF85BF7F-7BBE-4A05-AB8C-AA590591606B}" dt="2023-03-28T07:45:42.086" v="787" actId="47"/>
        <pc:sldMkLst>
          <pc:docMk/>
          <pc:sldMk cId="2270744247" sldId="878"/>
        </pc:sldMkLst>
        <pc:spChg chg="mod">
          <ac:chgData name="yechangqing" userId="9869b692-37df-47ec-97b9-0debc9dd442f" providerId="ADAL" clId="{EF85BF7F-7BBE-4A05-AB8C-AA590591606B}" dt="2023-03-28T07:45:38.044" v="786" actId="20577"/>
          <ac:spMkLst>
            <pc:docMk/>
            <pc:sldMk cId="2270744247" sldId="878"/>
            <ac:spMk id="3" creationId="{93F0E017-244B-4589-A414-C3DB42D87DE6}"/>
          </ac:spMkLst>
        </pc:spChg>
      </pc:sldChg>
      <pc:sldChg chg="add del">
        <pc:chgData name="yechangqing" userId="9869b692-37df-47ec-97b9-0debc9dd442f" providerId="ADAL" clId="{EF85BF7F-7BBE-4A05-AB8C-AA590591606B}" dt="2023-03-28T07:45:43.377" v="788" actId="47"/>
        <pc:sldMkLst>
          <pc:docMk/>
          <pc:sldMk cId="2561404585" sldId="879"/>
        </pc:sldMkLst>
      </pc:sldChg>
      <pc:sldChg chg="addSp delSp modSp new del mod">
        <pc:chgData name="yechangqing" userId="9869b692-37df-47ec-97b9-0debc9dd442f" providerId="ADAL" clId="{EF85BF7F-7BBE-4A05-AB8C-AA590591606B}" dt="2023-03-28T08:32:13.708" v="916" actId="680"/>
        <pc:sldMkLst>
          <pc:docMk/>
          <pc:sldMk cId="2952079404" sldId="879"/>
        </pc:sldMkLst>
        <pc:picChg chg="add del mod">
          <ac:chgData name="yechangqing" userId="9869b692-37df-47ec-97b9-0debc9dd442f" providerId="ADAL" clId="{EF85BF7F-7BBE-4A05-AB8C-AA590591606B}" dt="2023-03-28T08:32:13.201" v="915" actId="22"/>
          <ac:picMkLst>
            <pc:docMk/>
            <pc:sldMk cId="2952079404" sldId="879"/>
            <ac:picMk id="5" creationId="{765989AC-7844-4C68-89E3-941DCCF18CEF}"/>
          </ac:picMkLst>
        </pc:picChg>
      </pc:sldChg>
    </pc:docChg>
  </pc:docChgLst>
  <pc:docChgLst>
    <pc:chgData name="yechangqing" userId="9869b692-37df-47ec-97b9-0debc9dd442f" providerId="ADAL" clId="{C04FC9AD-EB26-40D4-B9BF-738A041598C3}"/>
    <pc:docChg chg="modSld">
      <pc:chgData name="yechangqing" userId="9869b692-37df-47ec-97b9-0debc9dd442f" providerId="ADAL" clId="{C04FC9AD-EB26-40D4-B9BF-738A041598C3}" dt="2023-10-19T06:32:24.819" v="3" actId="20577"/>
      <pc:docMkLst>
        <pc:docMk/>
      </pc:docMkLst>
      <pc:sldChg chg="modSp mod">
        <pc:chgData name="yechangqing" userId="9869b692-37df-47ec-97b9-0debc9dd442f" providerId="ADAL" clId="{C04FC9AD-EB26-40D4-B9BF-738A041598C3}" dt="2023-10-19T06:32:24.819" v="3" actId="20577"/>
        <pc:sldMkLst>
          <pc:docMk/>
          <pc:sldMk cId="0" sldId="258"/>
        </pc:sldMkLst>
        <pc:spChg chg="mod">
          <ac:chgData name="yechangqing" userId="9869b692-37df-47ec-97b9-0debc9dd442f" providerId="ADAL" clId="{C04FC9AD-EB26-40D4-B9BF-738A041598C3}" dt="2023-10-19T06:32:24.819" v="3" actId="20577"/>
          <ac:spMkLst>
            <pc:docMk/>
            <pc:sldMk cId="0" sldId="258"/>
            <ac:spMk id="3076" creationId="{E2B2CE97-30DD-4DCC-9817-F5778BBFDA7C}"/>
          </ac:spMkLst>
        </pc:spChg>
      </pc:sldChg>
    </pc:docChg>
  </pc:docChgLst>
  <pc:docChgLst>
    <pc:chgData name="yechangqing" userId="9869b692-37df-47ec-97b9-0debc9dd442f" providerId="ADAL" clId="{B3629527-7647-45BB-B5F4-3E535EB7AD3F}"/>
    <pc:docChg chg="undo custSel addSld delSld modSld">
      <pc:chgData name="yechangqing" userId="9869b692-37df-47ec-97b9-0debc9dd442f" providerId="ADAL" clId="{B3629527-7647-45BB-B5F4-3E535EB7AD3F}" dt="2023-05-30T07:48:39.009" v="1651"/>
      <pc:docMkLst>
        <pc:docMk/>
      </pc:docMkLst>
      <pc:sldChg chg="modSp mod">
        <pc:chgData name="yechangqing" userId="9869b692-37df-47ec-97b9-0debc9dd442f" providerId="ADAL" clId="{B3629527-7647-45BB-B5F4-3E535EB7AD3F}" dt="2023-05-23T10:38:20.855" v="3" actId="20577"/>
        <pc:sldMkLst>
          <pc:docMk/>
          <pc:sldMk cId="0" sldId="258"/>
        </pc:sldMkLst>
        <pc:spChg chg="mod">
          <ac:chgData name="yechangqing" userId="9869b692-37df-47ec-97b9-0debc9dd442f" providerId="ADAL" clId="{B3629527-7647-45BB-B5F4-3E535EB7AD3F}" dt="2023-05-23T10:38:20.855" v="3" actId="20577"/>
          <ac:spMkLst>
            <pc:docMk/>
            <pc:sldMk cId="0" sldId="258"/>
            <ac:spMk id="3076" creationId="{E2B2CE97-30DD-4DCC-9817-F5778BBFDA7C}"/>
          </ac:spMkLst>
        </pc:spChg>
      </pc:sldChg>
      <pc:sldChg chg="modSp add del mod">
        <pc:chgData name="yechangqing" userId="9869b692-37df-47ec-97b9-0debc9dd442f" providerId="ADAL" clId="{B3629527-7647-45BB-B5F4-3E535EB7AD3F}" dt="2023-05-23T12:33:56.620" v="54" actId="47"/>
        <pc:sldMkLst>
          <pc:docMk/>
          <pc:sldMk cId="224956528" sldId="452"/>
        </pc:sldMkLst>
        <pc:spChg chg="mod">
          <ac:chgData name="yechangqing" userId="9869b692-37df-47ec-97b9-0debc9dd442f" providerId="ADAL" clId="{B3629527-7647-45BB-B5F4-3E535EB7AD3F}" dt="2023-05-23T12:33:47.387" v="48" actId="948"/>
          <ac:spMkLst>
            <pc:docMk/>
            <pc:sldMk cId="224956528" sldId="452"/>
            <ac:spMk id="10" creationId="{2591AB24-17E3-4A6B-9FF9-2E57C00F8E7C}"/>
          </ac:spMkLst>
        </pc:spChg>
        <pc:spChg chg="mod">
          <ac:chgData name="yechangqing" userId="9869b692-37df-47ec-97b9-0debc9dd442f" providerId="ADAL" clId="{B3629527-7647-45BB-B5F4-3E535EB7AD3F}" dt="2023-05-23T12:26:56.534" v="31" actId="27636"/>
          <ac:spMkLst>
            <pc:docMk/>
            <pc:sldMk cId="224956528" sldId="452"/>
            <ac:spMk id="6148" creationId="{4F0E55FD-B4E6-4003-B2AB-3D72A51AE3D5}"/>
          </ac:spMkLst>
        </pc:spChg>
      </pc:sldChg>
      <pc:sldChg chg="addSp delSp modSp add mod modNotesTx">
        <pc:chgData name="yechangqing" userId="9869b692-37df-47ec-97b9-0debc9dd442f" providerId="ADAL" clId="{B3629527-7647-45BB-B5F4-3E535EB7AD3F}" dt="2023-05-28T09:38:08.486" v="798"/>
        <pc:sldMkLst>
          <pc:docMk/>
          <pc:sldMk cId="2666828055" sldId="455"/>
        </pc:sldMkLst>
        <pc:spChg chg="mod">
          <ac:chgData name="yechangqing" userId="9869b692-37df-47ec-97b9-0debc9dd442f" providerId="ADAL" clId="{B3629527-7647-45BB-B5F4-3E535EB7AD3F}" dt="2023-05-23T13:17:24.158" v="234"/>
          <ac:spMkLst>
            <pc:docMk/>
            <pc:sldMk cId="2666828055" sldId="455"/>
            <ac:spMk id="3" creationId="{BD3978E6-7871-4AA0-AA5D-4A1DD403F87B}"/>
          </ac:spMkLst>
        </pc:spChg>
        <pc:spChg chg="add mod">
          <ac:chgData name="yechangqing" userId="9869b692-37df-47ec-97b9-0debc9dd442f" providerId="ADAL" clId="{B3629527-7647-45BB-B5F4-3E535EB7AD3F}" dt="2023-05-28T09:38:08.486" v="798"/>
          <ac:spMkLst>
            <pc:docMk/>
            <pc:sldMk cId="2666828055" sldId="455"/>
            <ac:spMk id="5" creationId="{9EBDE8B9-FDB1-42AC-A85F-7C21DB21FEA2}"/>
          </ac:spMkLst>
        </pc:spChg>
        <pc:spChg chg="mod">
          <ac:chgData name="yechangqing" userId="9869b692-37df-47ec-97b9-0debc9dd442f" providerId="ADAL" clId="{B3629527-7647-45BB-B5F4-3E535EB7AD3F}" dt="2023-05-23T12:41:49.932" v="108" actId="1035"/>
          <ac:spMkLst>
            <pc:docMk/>
            <pc:sldMk cId="2666828055" sldId="455"/>
            <ac:spMk id="7" creationId="{24400568-EB3B-4A32-A9F0-B97A4C7825F8}"/>
          </ac:spMkLst>
        </pc:spChg>
        <pc:spChg chg="add mod">
          <ac:chgData name="yechangqing" userId="9869b692-37df-47ec-97b9-0debc9dd442f" providerId="ADAL" clId="{B3629527-7647-45BB-B5F4-3E535EB7AD3F}" dt="2023-05-23T12:46:48.323" v="217"/>
          <ac:spMkLst>
            <pc:docMk/>
            <pc:sldMk cId="2666828055" sldId="455"/>
            <ac:spMk id="14" creationId="{399AF271-272E-4774-9D6C-7AF3B7468DF1}"/>
          </ac:spMkLst>
        </pc:spChg>
        <pc:spChg chg="add del mod">
          <ac:chgData name="yechangqing" userId="9869b692-37df-47ec-97b9-0debc9dd442f" providerId="ADAL" clId="{B3629527-7647-45BB-B5F4-3E535EB7AD3F}" dt="2023-05-23T13:17:33.955" v="235" actId="478"/>
          <ac:spMkLst>
            <pc:docMk/>
            <pc:sldMk cId="2666828055" sldId="455"/>
            <ac:spMk id="20" creationId="{0FE9E7C7-3EC1-40FF-A8C5-B17B1748DAD0}"/>
          </ac:spMkLst>
        </pc:spChg>
        <pc:spChg chg="add del">
          <ac:chgData name="yechangqing" userId="9869b692-37df-47ec-97b9-0debc9dd442f" providerId="ADAL" clId="{B3629527-7647-45BB-B5F4-3E535EB7AD3F}" dt="2023-05-23T13:29:27.799" v="284" actId="478"/>
          <ac:spMkLst>
            <pc:docMk/>
            <pc:sldMk cId="2666828055" sldId="455"/>
            <ac:spMk id="21" creationId="{471151FA-485D-4712-9D06-848F2D3A0A43}"/>
          </ac:spMkLst>
        </pc:spChg>
        <pc:spChg chg="del">
          <ac:chgData name="yechangqing" userId="9869b692-37df-47ec-97b9-0debc9dd442f" providerId="ADAL" clId="{B3629527-7647-45BB-B5F4-3E535EB7AD3F}" dt="2023-05-23T12:41:44.320" v="100" actId="478"/>
          <ac:spMkLst>
            <pc:docMk/>
            <pc:sldMk cId="2666828055" sldId="455"/>
            <ac:spMk id="24" creationId="{3C477F5B-5AF1-4926-853C-9AD1248C0DE6}"/>
          </ac:spMkLst>
        </pc:spChg>
        <pc:spChg chg="add del mod">
          <ac:chgData name="yechangqing" userId="9869b692-37df-47ec-97b9-0debc9dd442f" providerId="ADAL" clId="{B3629527-7647-45BB-B5F4-3E535EB7AD3F}" dt="2023-05-23T13:44:56.057" v="331" actId="478"/>
          <ac:spMkLst>
            <pc:docMk/>
            <pc:sldMk cId="2666828055" sldId="455"/>
            <ac:spMk id="25" creationId="{B56986DB-573F-4A1B-B5E9-79BEBCB9115F}"/>
          </ac:spMkLst>
        </pc:spChg>
        <pc:spChg chg="del mod">
          <ac:chgData name="yechangqing" userId="9869b692-37df-47ec-97b9-0debc9dd442f" providerId="ADAL" clId="{B3629527-7647-45BB-B5F4-3E535EB7AD3F}" dt="2023-05-23T12:46:50.800" v="218" actId="478"/>
          <ac:spMkLst>
            <pc:docMk/>
            <pc:sldMk cId="2666828055" sldId="455"/>
            <ac:spMk id="6148" creationId="{4F0E55FD-B4E6-4003-B2AB-3D72A51AE3D5}"/>
          </ac:spMkLst>
        </pc:spChg>
        <pc:picChg chg="mod">
          <ac:chgData name="yechangqing" userId="9869b692-37df-47ec-97b9-0debc9dd442f" providerId="ADAL" clId="{B3629527-7647-45BB-B5F4-3E535EB7AD3F}" dt="2023-05-23T12:41:49.932" v="108" actId="1035"/>
          <ac:picMkLst>
            <pc:docMk/>
            <pc:sldMk cId="2666828055" sldId="455"/>
            <ac:picMk id="4" creationId="{9FCECEB1-C17E-405C-86B9-E510E925165D}"/>
          </ac:picMkLst>
        </pc:picChg>
        <pc:picChg chg="add mod">
          <ac:chgData name="yechangqing" userId="9869b692-37df-47ec-97b9-0debc9dd442f" providerId="ADAL" clId="{B3629527-7647-45BB-B5F4-3E535EB7AD3F}" dt="2023-05-23T14:02:28.005" v="454" actId="1076"/>
          <ac:picMkLst>
            <pc:docMk/>
            <pc:sldMk cId="2666828055" sldId="455"/>
            <ac:picMk id="9" creationId="{614657CC-A6B4-486F-B785-5029992250B3}"/>
          </ac:picMkLst>
        </pc:picChg>
        <pc:picChg chg="mod">
          <ac:chgData name="yechangqing" userId="9869b692-37df-47ec-97b9-0debc9dd442f" providerId="ADAL" clId="{B3629527-7647-45BB-B5F4-3E535EB7AD3F}" dt="2023-05-24T10:45:47.044" v="642" actId="1076"/>
          <ac:picMkLst>
            <pc:docMk/>
            <pc:sldMk cId="2666828055" sldId="455"/>
            <ac:picMk id="15" creationId="{3E67BEE9-BFEB-4F29-9FE1-8D8AD95A1C89}"/>
          </ac:picMkLst>
        </pc:picChg>
        <pc:picChg chg="del mod">
          <ac:chgData name="yechangqing" userId="9869b692-37df-47ec-97b9-0debc9dd442f" providerId="ADAL" clId="{B3629527-7647-45BB-B5F4-3E535EB7AD3F}" dt="2023-05-23T12:41:39.065" v="97" actId="478"/>
          <ac:picMkLst>
            <pc:docMk/>
            <pc:sldMk cId="2666828055" sldId="455"/>
            <ac:picMk id="22" creationId="{F5B353F2-A789-4D37-9777-8A11B14AC0EE}"/>
          </ac:picMkLst>
        </pc:picChg>
        <pc:picChg chg="add mod">
          <ac:chgData name="yechangqing" userId="9869b692-37df-47ec-97b9-0debc9dd442f" providerId="ADAL" clId="{B3629527-7647-45BB-B5F4-3E535EB7AD3F}" dt="2023-05-23T13:45:00.764" v="333" actId="1076"/>
          <ac:picMkLst>
            <pc:docMk/>
            <pc:sldMk cId="2666828055" sldId="455"/>
            <ac:picMk id="23" creationId="{5C73EE78-B2FA-4CA3-8027-CF1997923792}"/>
          </ac:picMkLst>
        </pc:picChg>
        <pc:cxnChg chg="mod">
          <ac:chgData name="yechangqing" userId="9869b692-37df-47ec-97b9-0debc9dd442f" providerId="ADAL" clId="{B3629527-7647-45BB-B5F4-3E535EB7AD3F}" dt="2023-05-23T12:41:49.932" v="108" actId="1035"/>
          <ac:cxnSpMkLst>
            <pc:docMk/>
            <pc:sldMk cId="2666828055" sldId="455"/>
            <ac:cxnSpMk id="6" creationId="{0E97DF9C-F836-4072-8878-82FC9773ABE5}"/>
          </ac:cxnSpMkLst>
        </pc:cxnChg>
        <pc:cxnChg chg="mod">
          <ac:chgData name="yechangqing" userId="9869b692-37df-47ec-97b9-0debc9dd442f" providerId="ADAL" clId="{B3629527-7647-45BB-B5F4-3E535EB7AD3F}" dt="2023-05-23T12:41:49.932" v="108" actId="1035"/>
          <ac:cxnSpMkLst>
            <pc:docMk/>
            <pc:sldMk cId="2666828055" sldId="455"/>
            <ac:cxnSpMk id="12" creationId="{1CD400D9-0256-41BC-BE12-C0BC9F5BB075}"/>
          </ac:cxnSpMkLst>
        </pc:cxnChg>
        <pc:cxnChg chg="del">
          <ac:chgData name="yechangqing" userId="9869b692-37df-47ec-97b9-0debc9dd442f" providerId="ADAL" clId="{B3629527-7647-45BB-B5F4-3E535EB7AD3F}" dt="2023-05-23T12:41:41.674" v="98" actId="478"/>
          <ac:cxnSpMkLst>
            <pc:docMk/>
            <pc:sldMk cId="2666828055" sldId="455"/>
            <ac:cxnSpMk id="19" creationId="{9FB0471F-BE1B-4155-9012-1EC3D8A3AEBB}"/>
          </ac:cxnSpMkLst>
        </pc:cxnChg>
      </pc:sldChg>
      <pc:sldChg chg="modSp mod">
        <pc:chgData name="yechangqing" userId="9869b692-37df-47ec-97b9-0debc9dd442f" providerId="ADAL" clId="{B3629527-7647-45BB-B5F4-3E535EB7AD3F}" dt="2023-05-28T09:38:50.089" v="803" actId="20577"/>
        <pc:sldMkLst>
          <pc:docMk/>
          <pc:sldMk cId="2265891491" sldId="870"/>
        </pc:sldMkLst>
        <pc:spChg chg="mod">
          <ac:chgData name="yechangqing" userId="9869b692-37df-47ec-97b9-0debc9dd442f" providerId="ADAL" clId="{B3629527-7647-45BB-B5F4-3E535EB7AD3F}" dt="2023-05-28T09:38:50.089" v="803" actId="20577"/>
          <ac:spMkLst>
            <pc:docMk/>
            <pc:sldMk cId="2265891491" sldId="870"/>
            <ac:spMk id="4" creationId="{6DFC154B-EDF7-48AE-BFE0-59D76A176C29}"/>
          </ac:spMkLst>
        </pc:spChg>
      </pc:sldChg>
      <pc:sldChg chg="modSp add del mod">
        <pc:chgData name="yechangqing" userId="9869b692-37df-47ec-97b9-0debc9dd442f" providerId="ADAL" clId="{B3629527-7647-45BB-B5F4-3E535EB7AD3F}" dt="2023-05-29T08:58:18.937" v="813" actId="14100"/>
        <pc:sldMkLst>
          <pc:docMk/>
          <pc:sldMk cId="2693303189" sldId="922"/>
        </pc:sldMkLst>
        <pc:spChg chg="mod">
          <ac:chgData name="yechangqing" userId="9869b692-37df-47ec-97b9-0debc9dd442f" providerId="ADAL" clId="{B3629527-7647-45BB-B5F4-3E535EB7AD3F}" dt="2023-05-29T08:58:18.937" v="813" actId="14100"/>
          <ac:spMkLst>
            <pc:docMk/>
            <pc:sldMk cId="2693303189" sldId="922"/>
            <ac:spMk id="12" creationId="{9060C2C3-E8A5-4C71-90C2-619B8C0A7B54}"/>
          </ac:spMkLst>
        </pc:spChg>
      </pc:sldChg>
      <pc:sldChg chg="modSp add del mod">
        <pc:chgData name="yechangqing" userId="9869b692-37df-47ec-97b9-0debc9dd442f" providerId="ADAL" clId="{B3629527-7647-45BB-B5F4-3E535EB7AD3F}" dt="2023-05-29T09:20:53.422" v="1130" actId="1076"/>
        <pc:sldMkLst>
          <pc:docMk/>
          <pc:sldMk cId="2484925289" sldId="925"/>
        </pc:sldMkLst>
        <pc:spChg chg="mod">
          <ac:chgData name="yechangqing" userId="9869b692-37df-47ec-97b9-0debc9dd442f" providerId="ADAL" clId="{B3629527-7647-45BB-B5F4-3E535EB7AD3F}" dt="2023-05-29T09:12:31.273" v="1062" actId="1076"/>
          <ac:spMkLst>
            <pc:docMk/>
            <pc:sldMk cId="2484925289" sldId="925"/>
            <ac:spMk id="5" creationId="{3E9C9EAA-0DAD-4F69-B336-5B4AC0DF841B}"/>
          </ac:spMkLst>
        </pc:spChg>
        <pc:spChg chg="mod">
          <ac:chgData name="yechangqing" userId="9869b692-37df-47ec-97b9-0debc9dd442f" providerId="ADAL" clId="{B3629527-7647-45BB-B5F4-3E535EB7AD3F}" dt="2023-05-29T09:09:20.549" v="1026" actId="20577"/>
          <ac:spMkLst>
            <pc:docMk/>
            <pc:sldMk cId="2484925289" sldId="925"/>
            <ac:spMk id="7" creationId="{286BCC86-19B4-407F-8840-A350B1C42F44}"/>
          </ac:spMkLst>
        </pc:spChg>
        <pc:graphicFrameChg chg="mod modGraphic">
          <ac:chgData name="yechangqing" userId="9869b692-37df-47ec-97b9-0debc9dd442f" providerId="ADAL" clId="{B3629527-7647-45BB-B5F4-3E535EB7AD3F}" dt="2023-05-29T09:20:53.422" v="1130" actId="1076"/>
          <ac:graphicFrameMkLst>
            <pc:docMk/>
            <pc:sldMk cId="2484925289" sldId="925"/>
            <ac:graphicFrameMk id="4" creationId="{3FD62632-13F8-44E1-9DD5-B586EC599BC7}"/>
          </ac:graphicFrameMkLst>
        </pc:graphicFrameChg>
      </pc:sldChg>
      <pc:sldChg chg="del">
        <pc:chgData name="yechangqing" userId="9869b692-37df-47ec-97b9-0debc9dd442f" providerId="ADAL" clId="{B3629527-7647-45BB-B5F4-3E535EB7AD3F}" dt="2023-05-30T02:27:35.785" v="1420" actId="47"/>
        <pc:sldMkLst>
          <pc:docMk/>
          <pc:sldMk cId="2755281259" sldId="928"/>
        </pc:sldMkLst>
      </pc:sldChg>
      <pc:sldChg chg="del">
        <pc:chgData name="yechangqing" userId="9869b692-37df-47ec-97b9-0debc9dd442f" providerId="ADAL" clId="{B3629527-7647-45BB-B5F4-3E535EB7AD3F}" dt="2023-05-24T09:41:03.755" v="630" actId="47"/>
        <pc:sldMkLst>
          <pc:docMk/>
          <pc:sldMk cId="2224388763" sldId="931"/>
        </pc:sldMkLst>
      </pc:sldChg>
      <pc:sldChg chg="delSp del mod">
        <pc:chgData name="yechangqing" userId="9869b692-37df-47ec-97b9-0debc9dd442f" providerId="ADAL" clId="{B3629527-7647-45BB-B5F4-3E535EB7AD3F}" dt="2023-05-24T10:52:18.797" v="647" actId="47"/>
        <pc:sldMkLst>
          <pc:docMk/>
          <pc:sldMk cId="4054542143" sldId="932"/>
        </pc:sldMkLst>
        <pc:picChg chg="del">
          <ac:chgData name="yechangqing" userId="9869b692-37df-47ec-97b9-0debc9dd442f" providerId="ADAL" clId="{B3629527-7647-45BB-B5F4-3E535EB7AD3F}" dt="2023-05-24T09:41:10.461" v="631" actId="478"/>
          <ac:picMkLst>
            <pc:docMk/>
            <pc:sldMk cId="4054542143" sldId="932"/>
            <ac:picMk id="7" creationId="{F24FF050-4493-455B-968B-1948F46E651E}"/>
          </ac:picMkLst>
        </pc:picChg>
      </pc:sldChg>
      <pc:sldChg chg="del">
        <pc:chgData name="yechangqing" userId="9869b692-37df-47ec-97b9-0debc9dd442f" providerId="ADAL" clId="{B3629527-7647-45BB-B5F4-3E535EB7AD3F}" dt="2023-05-24T10:52:21.957" v="648" actId="47"/>
        <pc:sldMkLst>
          <pc:docMk/>
          <pc:sldMk cId="2995539803" sldId="933"/>
        </pc:sldMkLst>
      </pc:sldChg>
      <pc:sldChg chg="del">
        <pc:chgData name="yechangqing" userId="9869b692-37df-47ec-97b9-0debc9dd442f" providerId="ADAL" clId="{B3629527-7647-45BB-B5F4-3E535EB7AD3F}" dt="2023-05-24T10:52:23.235" v="649" actId="47"/>
        <pc:sldMkLst>
          <pc:docMk/>
          <pc:sldMk cId="1428513701" sldId="934"/>
        </pc:sldMkLst>
      </pc:sldChg>
      <pc:sldChg chg="del">
        <pc:chgData name="yechangqing" userId="9869b692-37df-47ec-97b9-0debc9dd442f" providerId="ADAL" clId="{B3629527-7647-45BB-B5F4-3E535EB7AD3F}" dt="2023-05-24T10:52:24.457" v="650" actId="47"/>
        <pc:sldMkLst>
          <pc:docMk/>
          <pc:sldMk cId="2026108760" sldId="935"/>
        </pc:sldMkLst>
      </pc:sldChg>
      <pc:sldChg chg="del">
        <pc:chgData name="yechangqing" userId="9869b692-37df-47ec-97b9-0debc9dd442f" providerId="ADAL" clId="{B3629527-7647-45BB-B5F4-3E535EB7AD3F}" dt="2023-05-24T10:53:27.287" v="668" actId="47"/>
        <pc:sldMkLst>
          <pc:docMk/>
          <pc:sldMk cId="498415762" sldId="936"/>
        </pc:sldMkLst>
      </pc:sldChg>
      <pc:sldChg chg="addSp delSp modSp mod">
        <pc:chgData name="yechangqing" userId="9869b692-37df-47ec-97b9-0debc9dd442f" providerId="ADAL" clId="{B3629527-7647-45BB-B5F4-3E535EB7AD3F}" dt="2023-05-30T07:28:51.178" v="1511" actId="167"/>
        <pc:sldMkLst>
          <pc:docMk/>
          <pc:sldMk cId="1579301796" sldId="937"/>
        </pc:sldMkLst>
        <pc:spChg chg="mod">
          <ac:chgData name="yechangqing" userId="9869b692-37df-47ec-97b9-0debc9dd442f" providerId="ADAL" clId="{B3629527-7647-45BB-B5F4-3E535EB7AD3F}" dt="2023-05-30T07:19:08.612" v="1482" actId="20577"/>
          <ac:spMkLst>
            <pc:docMk/>
            <pc:sldMk cId="1579301796" sldId="937"/>
            <ac:spMk id="10" creationId="{587D0E44-983A-4D3F-9714-23ED5E3AFB27}"/>
          </ac:spMkLst>
        </pc:spChg>
        <pc:spChg chg="mod">
          <ac:chgData name="yechangqing" userId="9869b692-37df-47ec-97b9-0debc9dd442f" providerId="ADAL" clId="{B3629527-7647-45BB-B5F4-3E535EB7AD3F}" dt="2023-05-30T06:05:36.430" v="1440" actId="1076"/>
          <ac:spMkLst>
            <pc:docMk/>
            <pc:sldMk cId="1579301796" sldId="937"/>
            <ac:spMk id="14" creationId="{7ECAD982-7A05-4970-83E2-1DBD69115CC3}"/>
          </ac:spMkLst>
        </pc:spChg>
        <pc:spChg chg="mod">
          <ac:chgData name="yechangqing" userId="9869b692-37df-47ec-97b9-0debc9dd442f" providerId="ADAL" clId="{B3629527-7647-45BB-B5F4-3E535EB7AD3F}" dt="2023-05-30T07:19:06.867" v="1481" actId="20577"/>
          <ac:spMkLst>
            <pc:docMk/>
            <pc:sldMk cId="1579301796" sldId="937"/>
            <ac:spMk id="26" creationId="{1A34F854-8E81-4097-BA1C-C1C255CD3AA5}"/>
          </ac:spMkLst>
        </pc:spChg>
        <pc:picChg chg="add mod">
          <ac:chgData name="yechangqing" userId="9869b692-37df-47ec-97b9-0debc9dd442f" providerId="ADAL" clId="{B3629527-7647-45BB-B5F4-3E535EB7AD3F}" dt="2023-05-30T06:06:57.246" v="1452" actId="1076"/>
          <ac:picMkLst>
            <pc:docMk/>
            <pc:sldMk cId="1579301796" sldId="937"/>
            <ac:picMk id="5" creationId="{59D29879-760E-4094-A2E5-3E415C461E67}"/>
          </ac:picMkLst>
        </pc:picChg>
        <pc:picChg chg="del">
          <ac:chgData name="yechangqing" userId="9869b692-37df-47ec-97b9-0debc9dd442f" providerId="ADAL" clId="{B3629527-7647-45BB-B5F4-3E535EB7AD3F}" dt="2023-05-30T06:06:51.562" v="1447" actId="478"/>
          <ac:picMkLst>
            <pc:docMk/>
            <pc:sldMk cId="1579301796" sldId="937"/>
            <ac:picMk id="6" creationId="{4F4387CA-EFA1-43D9-B21D-249DBF616991}"/>
          </ac:picMkLst>
        </pc:picChg>
        <pc:picChg chg="add mod ord">
          <ac:chgData name="yechangqing" userId="9869b692-37df-47ec-97b9-0debc9dd442f" providerId="ADAL" clId="{B3629527-7647-45BB-B5F4-3E535EB7AD3F}" dt="2023-05-30T07:28:51.178" v="1511" actId="167"/>
          <ac:picMkLst>
            <pc:docMk/>
            <pc:sldMk cId="1579301796" sldId="937"/>
            <ac:picMk id="8" creationId="{736BD45F-A32A-4B62-BFCC-BC7D0F9DDFF1}"/>
          </ac:picMkLst>
        </pc:picChg>
        <pc:picChg chg="add mod ord">
          <ac:chgData name="yechangqing" userId="9869b692-37df-47ec-97b9-0debc9dd442f" providerId="ADAL" clId="{B3629527-7647-45BB-B5F4-3E535EB7AD3F}" dt="2023-05-30T07:17:03.264" v="1473" actId="1076"/>
          <ac:picMkLst>
            <pc:docMk/>
            <pc:sldMk cId="1579301796" sldId="937"/>
            <ac:picMk id="11" creationId="{BACE1C1E-0151-4986-BEFE-93FE0AB4BD12}"/>
          </ac:picMkLst>
        </pc:picChg>
        <pc:picChg chg="del">
          <ac:chgData name="yechangqing" userId="9869b692-37df-47ec-97b9-0debc9dd442f" providerId="ADAL" clId="{B3629527-7647-45BB-B5F4-3E535EB7AD3F}" dt="2023-05-30T07:16:30.194" v="1467" actId="478"/>
          <ac:picMkLst>
            <pc:docMk/>
            <pc:sldMk cId="1579301796" sldId="937"/>
            <ac:picMk id="17" creationId="{1D946117-1015-4E01-81AA-BC3378DC34C7}"/>
          </ac:picMkLst>
        </pc:picChg>
        <pc:picChg chg="del mod">
          <ac:chgData name="yechangqing" userId="9869b692-37df-47ec-97b9-0debc9dd442f" providerId="ADAL" clId="{B3629527-7647-45BB-B5F4-3E535EB7AD3F}" dt="2023-05-30T07:14:01.888" v="1454" actId="478"/>
          <ac:picMkLst>
            <pc:docMk/>
            <pc:sldMk cId="1579301796" sldId="937"/>
            <ac:picMk id="28" creationId="{F3016774-1D8D-4749-9C6C-96DDFF1F03BE}"/>
          </ac:picMkLst>
        </pc:picChg>
        <pc:cxnChg chg="mod">
          <ac:chgData name="yechangqing" userId="9869b692-37df-47ec-97b9-0debc9dd442f" providerId="ADAL" clId="{B3629527-7647-45BB-B5F4-3E535EB7AD3F}" dt="2023-05-30T07:28:47.697" v="1510" actId="14100"/>
          <ac:cxnSpMkLst>
            <pc:docMk/>
            <pc:sldMk cId="1579301796" sldId="937"/>
            <ac:cxnSpMk id="23" creationId="{02F7D9DD-B87E-4D9B-A841-1DC9122800A5}"/>
          </ac:cxnSpMkLst>
        </pc:cxnChg>
      </pc:sldChg>
      <pc:sldChg chg="del">
        <pc:chgData name="yechangqing" userId="9869b692-37df-47ec-97b9-0debc9dd442f" providerId="ADAL" clId="{B3629527-7647-45BB-B5F4-3E535EB7AD3F}" dt="2023-05-24T10:53:42.699" v="669" actId="47"/>
        <pc:sldMkLst>
          <pc:docMk/>
          <pc:sldMk cId="3796981034" sldId="938"/>
        </pc:sldMkLst>
      </pc:sldChg>
      <pc:sldChg chg="new del">
        <pc:chgData name="yechangqing" userId="9869b692-37df-47ec-97b9-0debc9dd442f" providerId="ADAL" clId="{B3629527-7647-45BB-B5F4-3E535EB7AD3F}" dt="2023-05-23T10:38:25.485" v="5" actId="47"/>
        <pc:sldMkLst>
          <pc:docMk/>
          <pc:sldMk cId="1330299780" sldId="939"/>
        </pc:sldMkLst>
      </pc:sldChg>
      <pc:sldChg chg="addSp modSp new mod modNotesTx">
        <pc:chgData name="yechangqing" userId="9869b692-37df-47ec-97b9-0debc9dd442f" providerId="ADAL" clId="{B3629527-7647-45BB-B5F4-3E535EB7AD3F}" dt="2023-05-28T09:38:38.706" v="800" actId="1076"/>
        <pc:sldMkLst>
          <pc:docMk/>
          <pc:sldMk cId="3951697819" sldId="939"/>
        </pc:sldMkLst>
        <pc:spChg chg="mod">
          <ac:chgData name="yechangqing" userId="9869b692-37df-47ec-97b9-0debc9dd442f" providerId="ADAL" clId="{B3629527-7647-45BB-B5F4-3E535EB7AD3F}" dt="2023-05-23T13:48:45.004" v="405"/>
          <ac:spMkLst>
            <pc:docMk/>
            <pc:sldMk cId="3951697819" sldId="939"/>
            <ac:spMk id="3" creationId="{D2A6B29A-CC13-4D57-A55B-D2D64B292EE6}"/>
          </ac:spMkLst>
        </pc:spChg>
        <pc:spChg chg="add mod">
          <ac:chgData name="yechangqing" userId="9869b692-37df-47ec-97b9-0debc9dd442f" providerId="ADAL" clId="{B3629527-7647-45BB-B5F4-3E535EB7AD3F}" dt="2023-05-24T10:08:36.154" v="633" actId="1076"/>
          <ac:spMkLst>
            <pc:docMk/>
            <pc:sldMk cId="3951697819" sldId="939"/>
            <ac:spMk id="4" creationId="{EBCF8DB0-7360-416E-8C6A-C5E9E5DD66C4}"/>
          </ac:spMkLst>
        </pc:spChg>
        <pc:picChg chg="add mod">
          <ac:chgData name="yechangqing" userId="9869b692-37df-47ec-97b9-0debc9dd442f" providerId="ADAL" clId="{B3629527-7647-45BB-B5F4-3E535EB7AD3F}" dt="2023-05-24T03:59:47.240" v="515" actId="1076"/>
          <ac:picMkLst>
            <pc:docMk/>
            <pc:sldMk cId="3951697819" sldId="939"/>
            <ac:picMk id="6" creationId="{BF10806C-B1D5-4CE0-BE93-D16D5AA1F0D5}"/>
          </ac:picMkLst>
        </pc:picChg>
        <pc:picChg chg="add mod">
          <ac:chgData name="yechangqing" userId="9869b692-37df-47ec-97b9-0debc9dd442f" providerId="ADAL" clId="{B3629527-7647-45BB-B5F4-3E535EB7AD3F}" dt="2023-05-24T09:39:44.277" v="629" actId="1076"/>
          <ac:picMkLst>
            <pc:docMk/>
            <pc:sldMk cId="3951697819" sldId="939"/>
            <ac:picMk id="8" creationId="{B1B039AF-5D04-4272-BD4C-FA7135503406}"/>
          </ac:picMkLst>
        </pc:picChg>
        <pc:picChg chg="add mod">
          <ac:chgData name="yechangqing" userId="9869b692-37df-47ec-97b9-0debc9dd442f" providerId="ADAL" clId="{B3629527-7647-45BB-B5F4-3E535EB7AD3F}" dt="2023-05-24T10:44:47.650" v="639" actId="1076"/>
          <ac:picMkLst>
            <pc:docMk/>
            <pc:sldMk cId="3951697819" sldId="939"/>
            <ac:picMk id="10" creationId="{36C49A6D-E31F-447F-A036-1FEF153DF46F}"/>
          </ac:picMkLst>
        </pc:picChg>
        <pc:picChg chg="add mod">
          <ac:chgData name="yechangqing" userId="9869b692-37df-47ec-97b9-0debc9dd442f" providerId="ADAL" clId="{B3629527-7647-45BB-B5F4-3E535EB7AD3F}" dt="2023-05-24T09:31:53.458" v="567" actId="1076"/>
          <ac:picMkLst>
            <pc:docMk/>
            <pc:sldMk cId="3951697819" sldId="939"/>
            <ac:picMk id="12" creationId="{2A9B7AB9-E73D-4B54-ABC7-EF8AFE83AF37}"/>
          </ac:picMkLst>
        </pc:picChg>
        <pc:picChg chg="add mod">
          <ac:chgData name="yechangqing" userId="9869b692-37df-47ec-97b9-0debc9dd442f" providerId="ADAL" clId="{B3629527-7647-45BB-B5F4-3E535EB7AD3F}" dt="2023-05-28T09:38:38.706" v="800" actId="1076"/>
          <ac:picMkLst>
            <pc:docMk/>
            <pc:sldMk cId="3951697819" sldId="939"/>
            <ac:picMk id="14" creationId="{02697588-551E-460E-8459-BC81FC873C70}"/>
          </ac:picMkLst>
        </pc:picChg>
        <pc:picChg chg="add mod">
          <ac:chgData name="yechangqing" userId="9869b692-37df-47ec-97b9-0debc9dd442f" providerId="ADAL" clId="{B3629527-7647-45BB-B5F4-3E535EB7AD3F}" dt="2023-05-24T10:50:02.632" v="644" actId="1076"/>
          <ac:picMkLst>
            <pc:docMk/>
            <pc:sldMk cId="3951697819" sldId="939"/>
            <ac:picMk id="16" creationId="{3400FBBA-7939-4F63-97F8-D5DF9D267442}"/>
          </ac:picMkLst>
        </pc:picChg>
      </pc:sldChg>
      <pc:sldChg chg="addSp delSp modSp add mod">
        <pc:chgData name="yechangqing" userId="9869b692-37df-47ec-97b9-0debc9dd442f" providerId="ADAL" clId="{B3629527-7647-45BB-B5F4-3E535EB7AD3F}" dt="2023-05-26T14:24:47.843" v="741" actId="21"/>
        <pc:sldMkLst>
          <pc:docMk/>
          <pc:sldMk cId="2593246136" sldId="940"/>
        </pc:sldMkLst>
        <pc:spChg chg="add del mod">
          <ac:chgData name="yechangqing" userId="9869b692-37df-47ec-97b9-0debc9dd442f" providerId="ADAL" clId="{B3629527-7647-45BB-B5F4-3E535EB7AD3F}" dt="2023-05-23T12:45:46.639" v="205"/>
          <ac:spMkLst>
            <pc:docMk/>
            <pc:sldMk cId="2593246136" sldId="940"/>
            <ac:spMk id="7" creationId="{AB515D57-202B-41E6-B40A-6F771B4B2092}"/>
          </ac:spMkLst>
        </pc:spChg>
        <pc:spChg chg="add del mod">
          <ac:chgData name="yechangqing" userId="9869b692-37df-47ec-97b9-0debc9dd442f" providerId="ADAL" clId="{B3629527-7647-45BB-B5F4-3E535EB7AD3F}" dt="2023-05-23T12:45:54.414" v="208"/>
          <ac:spMkLst>
            <pc:docMk/>
            <pc:sldMk cId="2593246136" sldId="940"/>
            <ac:spMk id="8" creationId="{39C38B52-9583-4B60-87C2-E6062979C33D}"/>
          </ac:spMkLst>
        </pc:spChg>
        <pc:spChg chg="add mod">
          <ac:chgData name="yechangqing" userId="9869b692-37df-47ec-97b9-0debc9dd442f" providerId="ADAL" clId="{B3629527-7647-45BB-B5F4-3E535EB7AD3F}" dt="2023-05-23T12:46:30.245" v="216"/>
          <ac:spMkLst>
            <pc:docMk/>
            <pc:sldMk cId="2593246136" sldId="940"/>
            <ac:spMk id="9" creationId="{D2DF31CC-B6C4-476C-94D9-577D0707E0D7}"/>
          </ac:spMkLst>
        </pc:spChg>
        <pc:spChg chg="mod">
          <ac:chgData name="yechangqing" userId="9869b692-37df-47ec-97b9-0debc9dd442f" providerId="ADAL" clId="{B3629527-7647-45BB-B5F4-3E535EB7AD3F}" dt="2023-05-26T14:24:47.843" v="741" actId="21"/>
          <ac:spMkLst>
            <pc:docMk/>
            <pc:sldMk cId="2593246136" sldId="940"/>
            <ac:spMk id="10" creationId="{2591AB24-17E3-4A6B-9FF9-2E57C00F8E7C}"/>
          </ac:spMkLst>
        </pc:spChg>
        <pc:spChg chg="mod">
          <ac:chgData name="yechangqing" userId="9869b692-37df-47ec-97b9-0debc9dd442f" providerId="ADAL" clId="{B3629527-7647-45BB-B5F4-3E535EB7AD3F}" dt="2023-05-23T12:37:15.520" v="81" actId="1076"/>
          <ac:spMkLst>
            <pc:docMk/>
            <pc:sldMk cId="2593246136" sldId="940"/>
            <ac:spMk id="12" creationId="{1C346B08-F405-4B28-B0E2-CFDE8137EB14}"/>
          </ac:spMkLst>
        </pc:spChg>
        <pc:spChg chg="del mod">
          <ac:chgData name="yechangqing" userId="9869b692-37df-47ec-97b9-0debc9dd442f" providerId="ADAL" clId="{B3629527-7647-45BB-B5F4-3E535EB7AD3F}" dt="2023-05-23T12:45:48.505" v="206" actId="478"/>
          <ac:spMkLst>
            <pc:docMk/>
            <pc:sldMk cId="2593246136" sldId="940"/>
            <ac:spMk id="6148" creationId="{4F0E55FD-B4E6-4003-B2AB-3D72A51AE3D5}"/>
          </ac:spMkLst>
        </pc:spChg>
        <pc:picChg chg="mod">
          <ac:chgData name="yechangqing" userId="9869b692-37df-47ec-97b9-0debc9dd442f" providerId="ADAL" clId="{B3629527-7647-45BB-B5F4-3E535EB7AD3F}" dt="2023-05-23T12:37:12.669" v="80" actId="1076"/>
          <ac:picMkLst>
            <pc:docMk/>
            <pc:sldMk cId="2593246136" sldId="940"/>
            <ac:picMk id="3" creationId="{47356013-8B61-430D-B4B6-D4BA19188BBD}"/>
          </ac:picMkLst>
        </pc:picChg>
      </pc:sldChg>
      <pc:sldChg chg="addSp delSp modSp add del mod delAnim">
        <pc:chgData name="yechangqing" userId="9869b692-37df-47ec-97b9-0debc9dd442f" providerId="ADAL" clId="{B3629527-7647-45BB-B5F4-3E535EB7AD3F}" dt="2023-05-30T06:03:51.368" v="1439" actId="47"/>
        <pc:sldMkLst>
          <pc:docMk/>
          <pc:sldMk cId="968435923" sldId="941"/>
        </pc:sldMkLst>
        <pc:spChg chg="del">
          <ac:chgData name="yechangqing" userId="9869b692-37df-47ec-97b9-0debc9dd442f" providerId="ADAL" clId="{B3629527-7647-45BB-B5F4-3E535EB7AD3F}" dt="2023-05-30T02:27:06.270" v="1411" actId="478"/>
          <ac:spMkLst>
            <pc:docMk/>
            <pc:sldMk cId="968435923" sldId="941"/>
            <ac:spMk id="7" creationId="{2C02BD5C-C917-47D7-BF86-9556991000C9}"/>
          </ac:spMkLst>
        </pc:spChg>
        <pc:picChg chg="del">
          <ac:chgData name="yechangqing" userId="9869b692-37df-47ec-97b9-0debc9dd442f" providerId="ADAL" clId="{B3629527-7647-45BB-B5F4-3E535EB7AD3F}" dt="2023-05-30T02:27:03.350" v="1410" actId="478"/>
          <ac:picMkLst>
            <pc:docMk/>
            <pc:sldMk cId="968435923" sldId="941"/>
            <ac:picMk id="8" creationId="{33759328-DB1D-41DF-887C-E9C10FC6C3D8}"/>
          </ac:picMkLst>
        </pc:picChg>
        <pc:picChg chg="add mod">
          <ac:chgData name="yechangqing" userId="9869b692-37df-47ec-97b9-0debc9dd442f" providerId="ADAL" clId="{B3629527-7647-45BB-B5F4-3E535EB7AD3F}" dt="2023-05-30T02:27:18.251" v="1419" actId="1076"/>
          <ac:picMkLst>
            <pc:docMk/>
            <pc:sldMk cId="968435923" sldId="941"/>
            <ac:picMk id="9" creationId="{CD70AA16-5A29-4E4B-88E6-08659A35D8A8}"/>
          </ac:picMkLst>
        </pc:picChg>
      </pc:sldChg>
      <pc:sldChg chg="addSp modSp new mod">
        <pc:chgData name="yechangqing" userId="9869b692-37df-47ec-97b9-0debc9dd442f" providerId="ADAL" clId="{B3629527-7647-45BB-B5F4-3E535EB7AD3F}" dt="2023-05-25T09:15:28.067" v="729"/>
        <pc:sldMkLst>
          <pc:docMk/>
          <pc:sldMk cId="1839981959" sldId="942"/>
        </pc:sldMkLst>
        <pc:spChg chg="mod">
          <ac:chgData name="yechangqing" userId="9869b692-37df-47ec-97b9-0debc9dd442f" providerId="ADAL" clId="{B3629527-7647-45BB-B5F4-3E535EB7AD3F}" dt="2023-05-25T09:07:23.439" v="677"/>
          <ac:spMkLst>
            <pc:docMk/>
            <pc:sldMk cId="1839981959" sldId="942"/>
            <ac:spMk id="3" creationId="{2BF2D2E7-9765-488A-8A03-52EE16C6AFD1}"/>
          </ac:spMkLst>
        </pc:spChg>
        <pc:spChg chg="add mod">
          <ac:chgData name="yechangqing" userId="9869b692-37df-47ec-97b9-0debc9dd442f" providerId="ADAL" clId="{B3629527-7647-45BB-B5F4-3E535EB7AD3F}" dt="2023-05-25T09:15:28.067" v="729"/>
          <ac:spMkLst>
            <pc:docMk/>
            <pc:sldMk cId="1839981959" sldId="942"/>
            <ac:spMk id="4" creationId="{0AE0150B-1091-4CB2-BE61-94979778C37A}"/>
          </ac:spMkLst>
        </pc:spChg>
      </pc:sldChg>
      <pc:sldChg chg="modSp new del mod">
        <pc:chgData name="yechangqing" userId="9869b692-37df-47ec-97b9-0debc9dd442f" providerId="ADAL" clId="{B3629527-7647-45BB-B5F4-3E535EB7AD3F}" dt="2023-05-25T09:16:43.198" v="739" actId="47"/>
        <pc:sldMkLst>
          <pc:docMk/>
          <pc:sldMk cId="1902637046" sldId="943"/>
        </pc:sldMkLst>
        <pc:spChg chg="mod">
          <ac:chgData name="yechangqing" userId="9869b692-37df-47ec-97b9-0debc9dd442f" providerId="ADAL" clId="{B3629527-7647-45BB-B5F4-3E535EB7AD3F}" dt="2023-05-25T09:16:32.861" v="738"/>
          <ac:spMkLst>
            <pc:docMk/>
            <pc:sldMk cId="1902637046" sldId="943"/>
            <ac:spMk id="3" creationId="{5C4A3FD3-FB53-4CEA-85A8-E707D0D51BA0}"/>
          </ac:spMkLst>
        </pc:spChg>
      </pc:sldChg>
      <pc:sldChg chg="modSp new del mod">
        <pc:chgData name="yechangqing" userId="9869b692-37df-47ec-97b9-0debc9dd442f" providerId="ADAL" clId="{B3629527-7647-45BB-B5F4-3E535EB7AD3F}" dt="2023-05-29T08:58:13.755" v="811" actId="47"/>
        <pc:sldMkLst>
          <pc:docMk/>
          <pc:sldMk cId="2074819510" sldId="943"/>
        </pc:sldMkLst>
        <pc:spChg chg="mod">
          <ac:chgData name="yechangqing" userId="9869b692-37df-47ec-97b9-0debc9dd442f" providerId="ADAL" clId="{B3629527-7647-45BB-B5F4-3E535EB7AD3F}" dt="2023-05-29T08:57:03.411" v="810"/>
          <ac:spMkLst>
            <pc:docMk/>
            <pc:sldMk cId="2074819510" sldId="943"/>
            <ac:spMk id="3" creationId="{88C0248E-7F4F-40A8-B212-08CF92051B79}"/>
          </ac:spMkLst>
        </pc:spChg>
      </pc:sldChg>
      <pc:sldChg chg="addSp modSp new mod">
        <pc:chgData name="yechangqing" userId="9869b692-37df-47ec-97b9-0debc9dd442f" providerId="ADAL" clId="{B3629527-7647-45BB-B5F4-3E535EB7AD3F}" dt="2023-05-29T09:27:56.157" v="1168"/>
        <pc:sldMkLst>
          <pc:docMk/>
          <pc:sldMk cId="3085806168" sldId="943"/>
        </pc:sldMkLst>
        <pc:spChg chg="mod">
          <ac:chgData name="yechangqing" userId="9869b692-37df-47ec-97b9-0debc9dd442f" providerId="ADAL" clId="{B3629527-7647-45BB-B5F4-3E535EB7AD3F}" dt="2023-05-29T09:01:35.793" v="932"/>
          <ac:spMkLst>
            <pc:docMk/>
            <pc:sldMk cId="3085806168" sldId="943"/>
            <ac:spMk id="3" creationId="{042518B3-BB08-4748-9688-B6D778569A03}"/>
          </ac:spMkLst>
        </pc:spChg>
        <pc:spChg chg="add mod">
          <ac:chgData name="yechangqing" userId="9869b692-37df-47ec-97b9-0debc9dd442f" providerId="ADAL" clId="{B3629527-7647-45BB-B5F4-3E535EB7AD3F}" dt="2023-05-29T09:27:56.157" v="1168"/>
          <ac:spMkLst>
            <pc:docMk/>
            <pc:sldMk cId="3085806168" sldId="943"/>
            <ac:spMk id="6" creationId="{21A05973-661A-4B5E-BF02-48BB772A8E2A}"/>
          </ac:spMkLst>
        </pc:spChg>
        <pc:picChg chg="add mod modCrop">
          <ac:chgData name="yechangqing" userId="9869b692-37df-47ec-97b9-0debc9dd442f" providerId="ADAL" clId="{B3629527-7647-45BB-B5F4-3E535EB7AD3F}" dt="2023-05-29T09:01:29.555" v="929" actId="1076"/>
          <ac:picMkLst>
            <pc:docMk/>
            <pc:sldMk cId="3085806168" sldId="943"/>
            <ac:picMk id="5" creationId="{39EE723F-5F29-4221-9041-AB8C9E2833E7}"/>
          </ac:picMkLst>
        </pc:picChg>
      </pc:sldChg>
      <pc:sldChg chg="addSp delSp modSp new mod">
        <pc:chgData name="yechangqing" userId="9869b692-37df-47ec-97b9-0debc9dd442f" providerId="ADAL" clId="{B3629527-7647-45BB-B5F4-3E535EB7AD3F}" dt="2023-05-30T02:28:55.500" v="1424" actId="1076"/>
        <pc:sldMkLst>
          <pc:docMk/>
          <pc:sldMk cId="1667926569" sldId="944"/>
        </pc:sldMkLst>
        <pc:spChg chg="mod">
          <ac:chgData name="yechangqing" userId="9869b692-37df-47ec-97b9-0debc9dd442f" providerId="ADAL" clId="{B3629527-7647-45BB-B5F4-3E535EB7AD3F}" dt="2023-05-29T09:27:44.908" v="1164"/>
          <ac:spMkLst>
            <pc:docMk/>
            <pc:sldMk cId="1667926569" sldId="944"/>
            <ac:spMk id="3" creationId="{21CAF711-89EB-4216-853E-51E4DD4C3BF7}"/>
          </ac:spMkLst>
        </pc:spChg>
        <pc:spChg chg="add mod">
          <ac:chgData name="yechangqing" userId="9869b692-37df-47ec-97b9-0debc9dd442f" providerId="ADAL" clId="{B3629527-7647-45BB-B5F4-3E535EB7AD3F}" dt="2023-05-29T13:55:49.088" v="1400" actId="1076"/>
          <ac:spMkLst>
            <pc:docMk/>
            <pc:sldMk cId="1667926569" sldId="944"/>
            <ac:spMk id="4" creationId="{F761B38B-C9FA-435E-B1F5-C4C3E4FF8677}"/>
          </ac:spMkLst>
        </pc:spChg>
        <pc:spChg chg="add del mod">
          <ac:chgData name="yechangqing" userId="9869b692-37df-47ec-97b9-0debc9dd442f" providerId="ADAL" clId="{B3629527-7647-45BB-B5F4-3E535EB7AD3F}" dt="2023-05-29T09:31:34.749" v="1292" actId="478"/>
          <ac:spMkLst>
            <pc:docMk/>
            <pc:sldMk cId="1667926569" sldId="944"/>
            <ac:spMk id="5" creationId="{837ECFBD-0256-4F8C-BE61-25F954EBF859}"/>
          </ac:spMkLst>
        </pc:spChg>
        <pc:spChg chg="add del mod">
          <ac:chgData name="yechangqing" userId="9869b692-37df-47ec-97b9-0debc9dd442f" providerId="ADAL" clId="{B3629527-7647-45BB-B5F4-3E535EB7AD3F}" dt="2023-05-29T13:52:02.858" v="1315" actId="478"/>
          <ac:spMkLst>
            <pc:docMk/>
            <pc:sldMk cId="1667926569" sldId="944"/>
            <ac:spMk id="9" creationId="{AC5AE44D-8B31-4F66-B8DB-F89CF25CC54B}"/>
          </ac:spMkLst>
        </pc:spChg>
        <pc:spChg chg="add del mod">
          <ac:chgData name="yechangqing" userId="9869b692-37df-47ec-97b9-0debc9dd442f" providerId="ADAL" clId="{B3629527-7647-45BB-B5F4-3E535EB7AD3F}" dt="2023-05-29T13:52:05.282" v="1316" actId="478"/>
          <ac:spMkLst>
            <pc:docMk/>
            <pc:sldMk cId="1667926569" sldId="944"/>
            <ac:spMk id="10" creationId="{B6A08C32-096D-4AD5-B095-A3B81A98AC92}"/>
          </ac:spMkLst>
        </pc:spChg>
        <pc:picChg chg="add mod">
          <ac:chgData name="yechangqing" userId="9869b692-37df-47ec-97b9-0debc9dd442f" providerId="ADAL" clId="{B3629527-7647-45BB-B5F4-3E535EB7AD3F}" dt="2023-05-29T13:56:05.519" v="1404" actId="14100"/>
          <ac:picMkLst>
            <pc:docMk/>
            <pc:sldMk cId="1667926569" sldId="944"/>
            <ac:picMk id="12" creationId="{60086AA6-5D74-4D57-8A2F-5C3A8E336BC7}"/>
          </ac:picMkLst>
        </pc:picChg>
        <pc:picChg chg="add mod">
          <ac:chgData name="yechangqing" userId="9869b692-37df-47ec-97b9-0debc9dd442f" providerId="ADAL" clId="{B3629527-7647-45BB-B5F4-3E535EB7AD3F}" dt="2023-05-29T13:56:10.026" v="1405" actId="1076"/>
          <ac:picMkLst>
            <pc:docMk/>
            <pc:sldMk cId="1667926569" sldId="944"/>
            <ac:picMk id="14" creationId="{F954A58B-A3A9-4FFF-A9FB-CF0BB3E0D7D3}"/>
          </ac:picMkLst>
        </pc:picChg>
        <pc:picChg chg="add mod">
          <ac:chgData name="yechangqing" userId="9869b692-37df-47ec-97b9-0debc9dd442f" providerId="ADAL" clId="{B3629527-7647-45BB-B5F4-3E535EB7AD3F}" dt="2023-05-30T02:28:55.500" v="1424" actId="1076"/>
          <ac:picMkLst>
            <pc:docMk/>
            <pc:sldMk cId="1667926569" sldId="944"/>
            <ac:picMk id="16" creationId="{5AEEEF5A-712B-444C-A138-439E86BCDE70}"/>
          </ac:picMkLst>
        </pc:picChg>
        <pc:cxnChg chg="add mod">
          <ac:chgData name="yechangqing" userId="9869b692-37df-47ec-97b9-0debc9dd442f" providerId="ADAL" clId="{B3629527-7647-45BB-B5F4-3E535EB7AD3F}" dt="2023-05-29T09:32:20.059" v="1303" actId="693"/>
          <ac:cxnSpMkLst>
            <pc:docMk/>
            <pc:sldMk cId="1667926569" sldId="944"/>
            <ac:cxnSpMk id="7" creationId="{AD74C067-1DCE-4649-A3F8-7B6D4334A461}"/>
          </ac:cxnSpMkLst>
        </pc:cxnChg>
      </pc:sldChg>
      <pc:sldChg chg="addSp delSp modSp new del mod">
        <pc:chgData name="yechangqing" userId="9869b692-37df-47ec-97b9-0debc9dd442f" providerId="ADAL" clId="{B3629527-7647-45BB-B5F4-3E535EB7AD3F}" dt="2023-05-29T09:20:45.536" v="1129" actId="47"/>
        <pc:sldMkLst>
          <pc:docMk/>
          <pc:sldMk cId="3285350200" sldId="944"/>
        </pc:sldMkLst>
        <pc:spChg chg="mod">
          <ac:chgData name="yechangqing" userId="9869b692-37df-47ec-97b9-0debc9dd442f" providerId="ADAL" clId="{B3629527-7647-45BB-B5F4-3E535EB7AD3F}" dt="2023-05-29T09:12:58.438" v="1074" actId="27636"/>
          <ac:spMkLst>
            <pc:docMk/>
            <pc:sldMk cId="3285350200" sldId="944"/>
            <ac:spMk id="3" creationId="{D5F7CD93-1592-434D-907A-446EF913902E}"/>
          </ac:spMkLst>
        </pc:spChg>
        <pc:spChg chg="add mod">
          <ac:chgData name="yechangqing" userId="9869b692-37df-47ec-97b9-0debc9dd442f" providerId="ADAL" clId="{B3629527-7647-45BB-B5F4-3E535EB7AD3F}" dt="2023-05-29T09:19:49.280" v="1125" actId="1076"/>
          <ac:spMkLst>
            <pc:docMk/>
            <pc:sldMk cId="3285350200" sldId="944"/>
            <ac:spMk id="6" creationId="{35AAF0EB-E6A0-4C67-B1F3-F2BC50C10836}"/>
          </ac:spMkLst>
        </pc:spChg>
        <pc:picChg chg="add del mod">
          <ac:chgData name="yechangqing" userId="9869b692-37df-47ec-97b9-0debc9dd442f" providerId="ADAL" clId="{B3629527-7647-45BB-B5F4-3E535EB7AD3F}" dt="2023-05-29T09:19:40.816" v="1123" actId="478"/>
          <ac:picMkLst>
            <pc:docMk/>
            <pc:sldMk cId="3285350200" sldId="944"/>
            <ac:picMk id="5" creationId="{8650BDCB-B295-4443-A27F-B3F6E855F808}"/>
          </ac:picMkLst>
        </pc:picChg>
        <pc:picChg chg="add mod">
          <ac:chgData name="yechangqing" userId="9869b692-37df-47ec-97b9-0debc9dd442f" providerId="ADAL" clId="{B3629527-7647-45BB-B5F4-3E535EB7AD3F}" dt="2023-05-29T09:19:51.755" v="1128" actId="1076"/>
          <ac:picMkLst>
            <pc:docMk/>
            <pc:sldMk cId="3285350200" sldId="944"/>
            <ac:picMk id="8" creationId="{1F27D80C-232A-4AFA-B983-B57776463D2D}"/>
          </ac:picMkLst>
        </pc:picChg>
      </pc:sldChg>
      <pc:sldChg chg="addSp modSp new mod modNotesTx">
        <pc:chgData name="yechangqing" userId="9869b692-37df-47ec-97b9-0debc9dd442f" providerId="ADAL" clId="{B3629527-7647-45BB-B5F4-3E535EB7AD3F}" dt="2023-05-30T02:37:32.528" v="1438" actId="20577"/>
        <pc:sldMkLst>
          <pc:docMk/>
          <pc:sldMk cId="2156261421" sldId="945"/>
        </pc:sldMkLst>
        <pc:spChg chg="mod">
          <ac:chgData name="yechangqing" userId="9869b692-37df-47ec-97b9-0debc9dd442f" providerId="ADAL" clId="{B3629527-7647-45BB-B5F4-3E535EB7AD3F}" dt="2023-05-29T13:52:38.928" v="1343"/>
          <ac:spMkLst>
            <pc:docMk/>
            <pc:sldMk cId="2156261421" sldId="945"/>
            <ac:spMk id="3" creationId="{AC6FA050-A13E-494A-9A4E-81BF6D4F8217}"/>
          </ac:spMkLst>
        </pc:spChg>
        <pc:spChg chg="add mod">
          <ac:chgData name="yechangqing" userId="9869b692-37df-47ec-97b9-0debc9dd442f" providerId="ADAL" clId="{B3629527-7647-45BB-B5F4-3E535EB7AD3F}" dt="2023-05-29T13:57:53.343" v="1409"/>
          <ac:spMkLst>
            <pc:docMk/>
            <pc:sldMk cId="2156261421" sldId="945"/>
            <ac:spMk id="6" creationId="{BF7E3BF4-FB4B-40F9-9D5F-665023B0032D}"/>
          </ac:spMkLst>
        </pc:spChg>
        <pc:picChg chg="add mod">
          <ac:chgData name="yechangqing" userId="9869b692-37df-47ec-97b9-0debc9dd442f" providerId="ADAL" clId="{B3629527-7647-45BB-B5F4-3E535EB7AD3F}" dt="2023-05-29T13:53:16.437" v="1383" actId="1076"/>
          <ac:picMkLst>
            <pc:docMk/>
            <pc:sldMk cId="2156261421" sldId="945"/>
            <ac:picMk id="5" creationId="{0611EAA9-922C-4727-B7EC-37C299AB49E4}"/>
          </ac:picMkLst>
        </pc:picChg>
      </pc:sldChg>
      <pc:sldChg chg="addSp modSp new mod">
        <pc:chgData name="yechangqing" userId="9869b692-37df-47ec-97b9-0debc9dd442f" providerId="ADAL" clId="{B3629527-7647-45BB-B5F4-3E535EB7AD3F}" dt="2023-05-30T07:48:39.009" v="1651"/>
        <pc:sldMkLst>
          <pc:docMk/>
          <pc:sldMk cId="2899268883" sldId="946"/>
        </pc:sldMkLst>
        <pc:spChg chg="mod">
          <ac:chgData name="yechangqing" userId="9869b692-37df-47ec-97b9-0debc9dd442f" providerId="ADAL" clId="{B3629527-7647-45BB-B5F4-3E535EB7AD3F}" dt="2023-05-30T07:48:39.009" v="1651"/>
          <ac:spMkLst>
            <pc:docMk/>
            <pc:sldMk cId="2899268883" sldId="946"/>
            <ac:spMk id="3" creationId="{5CA917F1-4965-45D1-B7E0-B8C6A53C68D1}"/>
          </ac:spMkLst>
        </pc:spChg>
        <pc:spChg chg="add mod">
          <ac:chgData name="yechangqing" userId="9869b692-37df-47ec-97b9-0debc9dd442f" providerId="ADAL" clId="{B3629527-7647-45BB-B5F4-3E535EB7AD3F}" dt="2023-05-30T07:44:46.753" v="1649"/>
          <ac:spMkLst>
            <pc:docMk/>
            <pc:sldMk cId="2899268883" sldId="946"/>
            <ac:spMk id="4" creationId="{CE5121A4-96F9-4B8D-847F-215592DB2FB7}"/>
          </ac:spMkLst>
        </pc:spChg>
      </pc:sldChg>
    </pc:docChg>
  </pc:docChgLst>
  <pc:docChgLst>
    <pc:chgData name="yechangqing" userId="9869b692-37df-47ec-97b9-0debc9dd442f" providerId="ADAL" clId="{56478C88-6D6D-41C9-98F1-DCD4B742476E}"/>
    <pc:docChg chg="undo redo custSel addSld delSld modSld sldOrd">
      <pc:chgData name="yechangqing" userId="9869b692-37df-47ec-97b9-0debc9dd442f" providerId="ADAL" clId="{56478C88-6D6D-41C9-98F1-DCD4B742476E}" dt="2023-04-11T08:32:13.608" v="2454"/>
      <pc:docMkLst>
        <pc:docMk/>
      </pc:docMkLst>
      <pc:sldChg chg="modSp mod">
        <pc:chgData name="yechangqing" userId="9869b692-37df-47ec-97b9-0debc9dd442f" providerId="ADAL" clId="{56478C88-6D6D-41C9-98F1-DCD4B742476E}" dt="2023-04-06T07:43:30.440" v="1" actId="20577"/>
        <pc:sldMkLst>
          <pc:docMk/>
          <pc:sldMk cId="0" sldId="258"/>
        </pc:sldMkLst>
        <pc:spChg chg="mod">
          <ac:chgData name="yechangqing" userId="9869b692-37df-47ec-97b9-0debc9dd442f" providerId="ADAL" clId="{56478C88-6D6D-41C9-98F1-DCD4B742476E}" dt="2023-04-06T07:43:30.440" v="1" actId="20577"/>
          <ac:spMkLst>
            <pc:docMk/>
            <pc:sldMk cId="0" sldId="258"/>
            <ac:spMk id="3076" creationId="{E2B2CE97-30DD-4DCC-9817-F5778BBFDA7C}"/>
          </ac:spMkLst>
        </pc:spChg>
      </pc:sldChg>
      <pc:sldChg chg="del">
        <pc:chgData name="yechangqing" userId="9869b692-37df-47ec-97b9-0debc9dd442f" providerId="ADAL" clId="{56478C88-6D6D-41C9-98F1-DCD4B742476E}" dt="2023-04-10T09:02:01.492" v="2168" actId="47"/>
        <pc:sldMkLst>
          <pc:docMk/>
          <pc:sldMk cId="1989376727" sldId="810"/>
        </pc:sldMkLst>
      </pc:sldChg>
      <pc:sldChg chg="del">
        <pc:chgData name="yechangqing" userId="9869b692-37df-47ec-97b9-0debc9dd442f" providerId="ADAL" clId="{56478C88-6D6D-41C9-98F1-DCD4B742476E}" dt="2023-04-07T03:50:07.677" v="4" actId="47"/>
        <pc:sldMkLst>
          <pc:docMk/>
          <pc:sldMk cId="1576827347" sldId="833"/>
        </pc:sldMkLst>
      </pc:sldChg>
      <pc:sldChg chg="del">
        <pc:chgData name="yechangqing" userId="9869b692-37df-47ec-97b9-0debc9dd442f" providerId="ADAL" clId="{56478C88-6D6D-41C9-98F1-DCD4B742476E}" dt="2023-04-07T03:50:06.879" v="3" actId="47"/>
        <pc:sldMkLst>
          <pc:docMk/>
          <pc:sldMk cId="2069897552" sldId="866"/>
        </pc:sldMkLst>
      </pc:sldChg>
      <pc:sldChg chg="del">
        <pc:chgData name="yechangqing" userId="9869b692-37df-47ec-97b9-0debc9dd442f" providerId="ADAL" clId="{56478C88-6D6D-41C9-98F1-DCD4B742476E}" dt="2023-04-07T03:50:06.695" v="2" actId="47"/>
        <pc:sldMkLst>
          <pc:docMk/>
          <pc:sldMk cId="96724508" sldId="867"/>
        </pc:sldMkLst>
      </pc:sldChg>
      <pc:sldChg chg="del">
        <pc:chgData name="yechangqing" userId="9869b692-37df-47ec-97b9-0debc9dd442f" providerId="ADAL" clId="{56478C88-6D6D-41C9-98F1-DCD4B742476E}" dt="2023-04-07T03:50:08.802" v="5" actId="47"/>
        <pc:sldMkLst>
          <pc:docMk/>
          <pc:sldMk cId="2537435361" sldId="868"/>
        </pc:sldMkLst>
      </pc:sldChg>
      <pc:sldChg chg="modSp mod">
        <pc:chgData name="yechangqing" userId="9869b692-37df-47ec-97b9-0debc9dd442f" providerId="ADAL" clId="{56478C88-6D6D-41C9-98F1-DCD4B742476E}" dt="2023-04-07T03:52:53.952" v="132"/>
        <pc:sldMkLst>
          <pc:docMk/>
          <pc:sldMk cId="2265891491" sldId="870"/>
        </pc:sldMkLst>
        <pc:spChg chg="mod">
          <ac:chgData name="yechangqing" userId="9869b692-37df-47ec-97b9-0debc9dd442f" providerId="ADAL" clId="{56478C88-6D6D-41C9-98F1-DCD4B742476E}" dt="2023-04-07T03:52:53.952" v="132"/>
          <ac:spMkLst>
            <pc:docMk/>
            <pc:sldMk cId="2265891491" sldId="870"/>
            <ac:spMk id="4" creationId="{6DFC154B-EDF7-48AE-BFE0-59D76A176C29}"/>
          </ac:spMkLst>
        </pc:spChg>
      </pc:sldChg>
      <pc:sldChg chg="del">
        <pc:chgData name="yechangqing" userId="9869b692-37df-47ec-97b9-0debc9dd442f" providerId="ADAL" clId="{56478C88-6D6D-41C9-98F1-DCD4B742476E}" dt="2023-04-10T09:02:00.523" v="2167" actId="47"/>
        <pc:sldMkLst>
          <pc:docMk/>
          <pc:sldMk cId="191815853" sldId="871"/>
        </pc:sldMkLst>
      </pc:sldChg>
      <pc:sldChg chg="del">
        <pc:chgData name="yechangqing" userId="9869b692-37df-47ec-97b9-0debc9dd442f" providerId="ADAL" clId="{56478C88-6D6D-41C9-98F1-DCD4B742476E}" dt="2023-04-10T09:02:05.410" v="2171" actId="47"/>
        <pc:sldMkLst>
          <pc:docMk/>
          <pc:sldMk cId="1967062252" sldId="872"/>
        </pc:sldMkLst>
      </pc:sldChg>
      <pc:sldChg chg="del">
        <pc:chgData name="yechangqing" userId="9869b692-37df-47ec-97b9-0debc9dd442f" providerId="ADAL" clId="{56478C88-6D6D-41C9-98F1-DCD4B742476E}" dt="2023-04-10T09:01:43.650" v="2158" actId="47"/>
        <pc:sldMkLst>
          <pc:docMk/>
          <pc:sldMk cId="3177492416" sldId="874"/>
        </pc:sldMkLst>
      </pc:sldChg>
      <pc:sldChg chg="del">
        <pc:chgData name="yechangqing" userId="9869b692-37df-47ec-97b9-0debc9dd442f" providerId="ADAL" clId="{56478C88-6D6D-41C9-98F1-DCD4B742476E}" dt="2023-04-10T09:02:03.044" v="2169" actId="47"/>
        <pc:sldMkLst>
          <pc:docMk/>
          <pc:sldMk cId="562022469" sldId="876"/>
        </pc:sldMkLst>
      </pc:sldChg>
      <pc:sldChg chg="del">
        <pc:chgData name="yechangqing" userId="9869b692-37df-47ec-97b9-0debc9dd442f" providerId="ADAL" clId="{56478C88-6D6D-41C9-98F1-DCD4B742476E}" dt="2023-04-10T09:02:04.170" v="2170" actId="47"/>
        <pc:sldMkLst>
          <pc:docMk/>
          <pc:sldMk cId="334177157" sldId="877"/>
        </pc:sldMkLst>
      </pc:sldChg>
      <pc:sldChg chg="del">
        <pc:chgData name="yechangqing" userId="9869b692-37df-47ec-97b9-0debc9dd442f" providerId="ADAL" clId="{56478C88-6D6D-41C9-98F1-DCD4B742476E}" dt="2023-04-10T09:01:45.479" v="2160" actId="47"/>
        <pc:sldMkLst>
          <pc:docMk/>
          <pc:sldMk cId="2294204684" sldId="879"/>
        </pc:sldMkLst>
      </pc:sldChg>
      <pc:sldChg chg="del">
        <pc:chgData name="yechangqing" userId="9869b692-37df-47ec-97b9-0debc9dd442f" providerId="ADAL" clId="{56478C88-6D6D-41C9-98F1-DCD4B742476E}" dt="2023-04-07T03:50:15.028" v="6" actId="47"/>
        <pc:sldMkLst>
          <pc:docMk/>
          <pc:sldMk cId="918464557" sldId="880"/>
        </pc:sldMkLst>
      </pc:sldChg>
      <pc:sldChg chg="del">
        <pc:chgData name="yechangqing" userId="9869b692-37df-47ec-97b9-0debc9dd442f" providerId="ADAL" clId="{56478C88-6D6D-41C9-98F1-DCD4B742476E}" dt="2023-04-10T09:01:47.134" v="2161" actId="47"/>
        <pc:sldMkLst>
          <pc:docMk/>
          <pc:sldMk cId="4074030084" sldId="881"/>
        </pc:sldMkLst>
      </pc:sldChg>
      <pc:sldChg chg="del">
        <pc:chgData name="yechangqing" userId="9869b692-37df-47ec-97b9-0debc9dd442f" providerId="ADAL" clId="{56478C88-6D6D-41C9-98F1-DCD4B742476E}" dt="2023-04-10T09:01:44.681" v="2159" actId="47"/>
        <pc:sldMkLst>
          <pc:docMk/>
          <pc:sldMk cId="1579509753" sldId="882"/>
        </pc:sldMkLst>
      </pc:sldChg>
      <pc:sldChg chg="del">
        <pc:chgData name="yechangqing" userId="9869b692-37df-47ec-97b9-0debc9dd442f" providerId="ADAL" clId="{56478C88-6D6D-41C9-98F1-DCD4B742476E}" dt="2023-04-10T09:01:48.302" v="2162" actId="47"/>
        <pc:sldMkLst>
          <pc:docMk/>
          <pc:sldMk cId="360257917" sldId="884"/>
        </pc:sldMkLst>
      </pc:sldChg>
      <pc:sldChg chg="del">
        <pc:chgData name="yechangqing" userId="9869b692-37df-47ec-97b9-0debc9dd442f" providerId="ADAL" clId="{56478C88-6D6D-41C9-98F1-DCD4B742476E}" dt="2023-04-10T09:01:53.942" v="2164" actId="47"/>
        <pc:sldMkLst>
          <pc:docMk/>
          <pc:sldMk cId="2000630752" sldId="885"/>
        </pc:sldMkLst>
      </pc:sldChg>
      <pc:sldChg chg="modSp del mod">
        <pc:chgData name="yechangqing" userId="9869b692-37df-47ec-97b9-0debc9dd442f" providerId="ADAL" clId="{56478C88-6D6D-41C9-98F1-DCD4B742476E}" dt="2023-04-10T09:01:57.711" v="2165" actId="47"/>
        <pc:sldMkLst>
          <pc:docMk/>
          <pc:sldMk cId="2981077881" sldId="887"/>
        </pc:sldMkLst>
        <pc:picChg chg="mod">
          <ac:chgData name="yechangqing" userId="9869b692-37df-47ec-97b9-0debc9dd442f" providerId="ADAL" clId="{56478C88-6D6D-41C9-98F1-DCD4B742476E}" dt="2023-04-07T03:54:01.799" v="134" actId="1076"/>
          <ac:picMkLst>
            <pc:docMk/>
            <pc:sldMk cId="2981077881" sldId="887"/>
            <ac:picMk id="23" creationId="{0A1845B4-CB35-4BFA-AF28-A6E0C2E8547E}"/>
          </ac:picMkLst>
        </pc:picChg>
      </pc:sldChg>
      <pc:sldChg chg="del">
        <pc:chgData name="yechangqing" userId="9869b692-37df-47ec-97b9-0debc9dd442f" providerId="ADAL" clId="{56478C88-6D6D-41C9-98F1-DCD4B742476E}" dt="2023-04-10T09:01:49.876" v="2163" actId="47"/>
        <pc:sldMkLst>
          <pc:docMk/>
          <pc:sldMk cId="1861282302" sldId="888"/>
        </pc:sldMkLst>
      </pc:sldChg>
      <pc:sldChg chg="modSp del">
        <pc:chgData name="yechangqing" userId="9869b692-37df-47ec-97b9-0debc9dd442f" providerId="ADAL" clId="{56478C88-6D6D-41C9-98F1-DCD4B742476E}" dt="2023-04-10T09:01:58.649" v="2166" actId="47"/>
        <pc:sldMkLst>
          <pc:docMk/>
          <pc:sldMk cId="197843870" sldId="889"/>
        </pc:sldMkLst>
        <pc:spChg chg="mod">
          <ac:chgData name="yechangqing" userId="9869b692-37df-47ec-97b9-0debc9dd442f" providerId="ADAL" clId="{56478C88-6D6D-41C9-98F1-DCD4B742476E}" dt="2023-04-07T08:50:35.266" v="1304"/>
          <ac:spMkLst>
            <pc:docMk/>
            <pc:sldMk cId="197843870" sldId="889"/>
            <ac:spMk id="15" creationId="{FBF511B6-AC76-477E-B489-A5B5B9B16CB5}"/>
          </ac:spMkLst>
        </pc:spChg>
      </pc:sldChg>
      <pc:sldChg chg="new del">
        <pc:chgData name="yechangqing" userId="9869b692-37df-47ec-97b9-0debc9dd442f" providerId="ADAL" clId="{56478C88-6D6D-41C9-98F1-DCD4B742476E}" dt="2023-04-07T03:50:30.366" v="8" actId="47"/>
        <pc:sldMkLst>
          <pc:docMk/>
          <pc:sldMk cId="3350970901" sldId="890"/>
        </pc:sldMkLst>
      </pc:sldChg>
      <pc:sldChg chg="addSp delSp modSp new mod">
        <pc:chgData name="yechangqing" userId="9869b692-37df-47ec-97b9-0debc9dd442f" providerId="ADAL" clId="{56478C88-6D6D-41C9-98F1-DCD4B742476E}" dt="2023-04-10T07:11:18.923" v="2093" actId="1076"/>
        <pc:sldMkLst>
          <pc:docMk/>
          <pc:sldMk cId="3714872745" sldId="890"/>
        </pc:sldMkLst>
        <pc:spChg chg="mod">
          <ac:chgData name="yechangqing" userId="9869b692-37df-47ec-97b9-0debc9dd442f" providerId="ADAL" clId="{56478C88-6D6D-41C9-98F1-DCD4B742476E}" dt="2023-04-07T06:34:48.348" v="151" actId="20577"/>
          <ac:spMkLst>
            <pc:docMk/>
            <pc:sldMk cId="3714872745" sldId="890"/>
            <ac:spMk id="3" creationId="{9E60B2D3-E95F-4D5C-ADF3-89A447711FBF}"/>
          </ac:spMkLst>
        </pc:spChg>
        <pc:spChg chg="add del mod">
          <ac:chgData name="yechangqing" userId="9869b692-37df-47ec-97b9-0debc9dd442f" providerId="ADAL" clId="{56478C88-6D6D-41C9-98F1-DCD4B742476E}" dt="2023-04-07T06:49:56.574" v="260"/>
          <ac:spMkLst>
            <pc:docMk/>
            <pc:sldMk cId="3714872745" sldId="890"/>
            <ac:spMk id="4" creationId="{4E68054D-930C-48AF-A022-5701D777C50A}"/>
          </ac:spMkLst>
        </pc:spChg>
        <pc:spChg chg="add mod">
          <ac:chgData name="yechangqing" userId="9869b692-37df-47ec-97b9-0debc9dd442f" providerId="ADAL" clId="{56478C88-6D6D-41C9-98F1-DCD4B742476E}" dt="2023-04-07T06:50:05.611" v="266" actId="20577"/>
          <ac:spMkLst>
            <pc:docMk/>
            <pc:sldMk cId="3714872745" sldId="890"/>
            <ac:spMk id="7" creationId="{B04FC78E-C054-441A-8D32-F6348B418AD1}"/>
          </ac:spMkLst>
        </pc:spChg>
        <pc:spChg chg="add mod">
          <ac:chgData name="yechangqing" userId="9869b692-37df-47ec-97b9-0debc9dd442f" providerId="ADAL" clId="{56478C88-6D6D-41C9-98F1-DCD4B742476E}" dt="2023-04-07T06:46:30.753" v="255" actId="1036"/>
          <ac:spMkLst>
            <pc:docMk/>
            <pc:sldMk cId="3714872745" sldId="890"/>
            <ac:spMk id="13" creationId="{131AE9BC-6B46-4D8E-A1E1-C8133492F549}"/>
          </ac:spMkLst>
        </pc:spChg>
        <pc:picChg chg="add mod">
          <ac:chgData name="yechangqing" userId="9869b692-37df-47ec-97b9-0debc9dd442f" providerId="ADAL" clId="{56478C88-6D6D-41C9-98F1-DCD4B742476E}" dt="2023-04-07T06:46:21.600" v="249" actId="1076"/>
          <ac:picMkLst>
            <pc:docMk/>
            <pc:sldMk cId="3714872745" sldId="890"/>
            <ac:picMk id="5" creationId="{707E128C-B318-48B6-A4F5-25CE0F76A366}"/>
          </ac:picMkLst>
        </pc:picChg>
        <pc:picChg chg="add mod">
          <ac:chgData name="yechangqing" userId="9869b692-37df-47ec-97b9-0debc9dd442f" providerId="ADAL" clId="{56478C88-6D6D-41C9-98F1-DCD4B742476E}" dt="2023-04-07T06:46:38.710" v="256" actId="14100"/>
          <ac:picMkLst>
            <pc:docMk/>
            <pc:sldMk cId="3714872745" sldId="890"/>
            <ac:picMk id="6" creationId="{9303373A-D728-4BCC-8F66-D42151BD0FAA}"/>
          </ac:picMkLst>
        </pc:picChg>
        <pc:picChg chg="add del mod">
          <ac:chgData name="yechangqing" userId="9869b692-37df-47ec-97b9-0debc9dd442f" providerId="ADAL" clId="{56478C88-6D6D-41C9-98F1-DCD4B742476E}" dt="2023-04-07T06:35:12.901" v="159" actId="478"/>
          <ac:picMkLst>
            <pc:docMk/>
            <pc:sldMk cId="3714872745" sldId="890"/>
            <ac:picMk id="8" creationId="{B0B44D81-03CF-4A70-974A-BE7A55F9F77E}"/>
          </ac:picMkLst>
        </pc:picChg>
        <pc:picChg chg="add del mod">
          <ac:chgData name="yechangqing" userId="9869b692-37df-47ec-97b9-0debc9dd442f" providerId="ADAL" clId="{56478C88-6D6D-41C9-98F1-DCD4B742476E}" dt="2023-04-07T06:35:07.079" v="158" actId="478"/>
          <ac:picMkLst>
            <pc:docMk/>
            <pc:sldMk cId="3714872745" sldId="890"/>
            <ac:picMk id="9" creationId="{4A2FF2D4-1FE9-425A-A267-9377F4C6FFBB}"/>
          </ac:picMkLst>
        </pc:picChg>
        <pc:picChg chg="add mod">
          <ac:chgData name="yechangqing" userId="9869b692-37df-47ec-97b9-0debc9dd442f" providerId="ADAL" clId="{56478C88-6D6D-41C9-98F1-DCD4B742476E}" dt="2023-04-07T06:46:30.753" v="255" actId="1036"/>
          <ac:picMkLst>
            <pc:docMk/>
            <pc:sldMk cId="3714872745" sldId="890"/>
            <ac:picMk id="11" creationId="{6285D800-9EAE-4D51-84BE-87DD9B89BCA1}"/>
          </ac:picMkLst>
        </pc:picChg>
        <pc:picChg chg="add mod">
          <ac:chgData name="yechangqing" userId="9869b692-37df-47ec-97b9-0debc9dd442f" providerId="ADAL" clId="{56478C88-6D6D-41C9-98F1-DCD4B742476E}" dt="2023-04-07T06:45:51.291" v="247" actId="1076"/>
          <ac:picMkLst>
            <pc:docMk/>
            <pc:sldMk cId="3714872745" sldId="890"/>
            <ac:picMk id="15" creationId="{B53FF41F-8B24-4EA8-97CF-F90213924528}"/>
          </ac:picMkLst>
        </pc:picChg>
        <pc:picChg chg="add mod">
          <ac:chgData name="yechangqing" userId="9869b692-37df-47ec-97b9-0debc9dd442f" providerId="ADAL" clId="{56478C88-6D6D-41C9-98F1-DCD4B742476E}" dt="2023-04-07T06:45:49.908" v="246" actId="1076"/>
          <ac:picMkLst>
            <pc:docMk/>
            <pc:sldMk cId="3714872745" sldId="890"/>
            <ac:picMk id="17" creationId="{9E249DBE-0A20-4F21-A1FB-65C8B8C26EAE}"/>
          </ac:picMkLst>
        </pc:picChg>
        <pc:picChg chg="add mod">
          <ac:chgData name="yechangqing" userId="9869b692-37df-47ec-97b9-0debc9dd442f" providerId="ADAL" clId="{56478C88-6D6D-41C9-98F1-DCD4B742476E}" dt="2023-04-10T07:11:18.923" v="2093" actId="1076"/>
          <ac:picMkLst>
            <pc:docMk/>
            <pc:sldMk cId="3714872745" sldId="890"/>
            <ac:picMk id="2050" creationId="{8B3BB89F-3D57-44FB-9D90-AE2B2371A312}"/>
          </ac:picMkLst>
        </pc:picChg>
      </pc:sldChg>
      <pc:sldChg chg="addSp modSp new mod">
        <pc:chgData name="yechangqing" userId="9869b692-37df-47ec-97b9-0debc9dd442f" providerId="ADAL" clId="{56478C88-6D6D-41C9-98F1-DCD4B742476E}" dt="2023-04-08T09:50:34.975" v="1537" actId="1076"/>
        <pc:sldMkLst>
          <pc:docMk/>
          <pc:sldMk cId="3282104464" sldId="891"/>
        </pc:sldMkLst>
        <pc:spChg chg="mod">
          <ac:chgData name="yechangqing" userId="9869b692-37df-47ec-97b9-0debc9dd442f" providerId="ADAL" clId="{56478C88-6D6D-41C9-98F1-DCD4B742476E}" dt="2023-04-07T08:33:16.245" v="1273"/>
          <ac:spMkLst>
            <pc:docMk/>
            <pc:sldMk cId="3282104464" sldId="891"/>
            <ac:spMk id="3" creationId="{CAB834B9-6166-4CDB-A2A2-D5465CD3EB84}"/>
          </ac:spMkLst>
        </pc:spChg>
        <pc:graphicFrameChg chg="add mod modGraphic">
          <ac:chgData name="yechangqing" userId="9869b692-37df-47ec-97b9-0debc9dd442f" providerId="ADAL" clId="{56478C88-6D6D-41C9-98F1-DCD4B742476E}" dt="2023-04-08T09:50:34.975" v="1537" actId="1076"/>
          <ac:graphicFrameMkLst>
            <pc:docMk/>
            <pc:sldMk cId="3282104464" sldId="891"/>
            <ac:graphicFrameMk id="4" creationId="{D9DB8577-072B-444F-A0A9-3B2C1CCCCC40}"/>
          </ac:graphicFrameMkLst>
        </pc:graphicFrameChg>
        <pc:picChg chg="add mod">
          <ac:chgData name="yechangqing" userId="9869b692-37df-47ec-97b9-0debc9dd442f" providerId="ADAL" clId="{56478C88-6D6D-41C9-98F1-DCD4B742476E}" dt="2023-04-07T08:58:15.714" v="1426" actId="1076"/>
          <ac:picMkLst>
            <pc:docMk/>
            <pc:sldMk cId="3282104464" sldId="891"/>
            <ac:picMk id="6" creationId="{F1435860-6F61-40C3-926C-C9BB38BE7DFB}"/>
          </ac:picMkLst>
        </pc:picChg>
      </pc:sldChg>
      <pc:sldChg chg="delSp modSp add mod delAnim">
        <pc:chgData name="yechangqing" userId="9869b692-37df-47ec-97b9-0debc9dd442f" providerId="ADAL" clId="{56478C88-6D6D-41C9-98F1-DCD4B742476E}" dt="2023-04-07T07:03:18.934" v="275" actId="13926"/>
        <pc:sldMkLst>
          <pc:docMk/>
          <pc:sldMk cId="2316598967" sldId="892"/>
        </pc:sldMkLst>
        <pc:spChg chg="mod">
          <ac:chgData name="yechangqing" userId="9869b692-37df-47ec-97b9-0debc9dd442f" providerId="ADAL" clId="{56478C88-6D6D-41C9-98F1-DCD4B742476E}" dt="2023-04-07T06:59:59.015" v="272"/>
          <ac:spMkLst>
            <pc:docMk/>
            <pc:sldMk cId="2316598967" sldId="892"/>
            <ac:spMk id="3" creationId="{02D7AF5A-7903-4E4C-97B0-36649EBC1047}"/>
          </ac:spMkLst>
        </pc:spChg>
        <pc:spChg chg="mod">
          <ac:chgData name="yechangqing" userId="9869b692-37df-47ec-97b9-0debc9dd442f" providerId="ADAL" clId="{56478C88-6D6D-41C9-98F1-DCD4B742476E}" dt="2023-04-07T07:03:18.934" v="275" actId="13926"/>
          <ac:spMkLst>
            <pc:docMk/>
            <pc:sldMk cId="2316598967" sldId="892"/>
            <ac:spMk id="8" creationId="{1A250DFE-A7C0-43F3-8382-CA898FB04346}"/>
          </ac:spMkLst>
        </pc:spChg>
        <pc:picChg chg="del">
          <ac:chgData name="yechangqing" userId="9869b692-37df-47ec-97b9-0debc9dd442f" providerId="ADAL" clId="{56478C88-6D6D-41C9-98F1-DCD4B742476E}" dt="2023-04-07T06:59:25.968" v="269" actId="478"/>
          <ac:picMkLst>
            <pc:docMk/>
            <pc:sldMk cId="2316598967" sldId="892"/>
            <ac:picMk id="23" creationId="{0A1845B4-CB35-4BFA-AF28-A6E0C2E8547E}"/>
          </ac:picMkLst>
        </pc:picChg>
      </pc:sldChg>
      <pc:sldChg chg="addSp delSp modSp add mod ord delAnim">
        <pc:chgData name="yechangqing" userId="9869b692-37df-47ec-97b9-0debc9dd442f" providerId="ADAL" clId="{56478C88-6D6D-41C9-98F1-DCD4B742476E}" dt="2023-04-08T12:10:52.931" v="1756" actId="20578"/>
        <pc:sldMkLst>
          <pc:docMk/>
          <pc:sldMk cId="449673618" sldId="893"/>
        </pc:sldMkLst>
        <pc:spChg chg="mod">
          <ac:chgData name="yechangqing" userId="9869b692-37df-47ec-97b9-0debc9dd442f" providerId="ADAL" clId="{56478C88-6D6D-41C9-98F1-DCD4B742476E}" dt="2023-04-07T07:03:27.589" v="279" actId="27636"/>
          <ac:spMkLst>
            <pc:docMk/>
            <pc:sldMk cId="449673618" sldId="893"/>
            <ac:spMk id="3" creationId="{02D7AF5A-7903-4E4C-97B0-36649EBC1047}"/>
          </ac:spMkLst>
        </pc:spChg>
        <pc:spChg chg="mod">
          <ac:chgData name="yechangqing" userId="9869b692-37df-47ec-97b9-0debc9dd442f" providerId="ADAL" clId="{56478C88-6D6D-41C9-98F1-DCD4B742476E}" dt="2023-04-07T07:53:01.522" v="946" actId="403"/>
          <ac:spMkLst>
            <pc:docMk/>
            <pc:sldMk cId="449673618" sldId="893"/>
            <ac:spMk id="8" creationId="{1A250DFE-A7C0-43F3-8382-CA898FB04346}"/>
          </ac:spMkLst>
        </pc:spChg>
        <pc:spChg chg="add del mod">
          <ac:chgData name="yechangqing" userId="9869b692-37df-47ec-97b9-0debc9dd442f" providerId="ADAL" clId="{56478C88-6D6D-41C9-98F1-DCD4B742476E}" dt="2023-04-07T07:08:07.320" v="288" actId="478"/>
          <ac:spMkLst>
            <pc:docMk/>
            <pc:sldMk cId="449673618" sldId="893"/>
            <ac:spMk id="12" creationId="{422AA3C2-9C7B-476B-90AA-EA189D293662}"/>
          </ac:spMkLst>
        </pc:spChg>
        <pc:spChg chg="add mod">
          <ac:chgData name="yechangqing" userId="9869b692-37df-47ec-97b9-0debc9dd442f" providerId="ADAL" clId="{56478C88-6D6D-41C9-98F1-DCD4B742476E}" dt="2023-04-07T07:15:12.107" v="384" actId="20577"/>
          <ac:spMkLst>
            <pc:docMk/>
            <pc:sldMk cId="449673618" sldId="893"/>
            <ac:spMk id="13" creationId="{523A4DC7-4D62-4155-AB75-6661A3A7817F}"/>
          </ac:spMkLst>
        </pc:spChg>
        <pc:spChg chg="add del mod">
          <ac:chgData name="yechangqing" userId="9869b692-37df-47ec-97b9-0debc9dd442f" providerId="ADAL" clId="{56478C88-6D6D-41C9-98F1-DCD4B742476E}" dt="2023-04-07T07:31:52.043" v="606" actId="478"/>
          <ac:spMkLst>
            <pc:docMk/>
            <pc:sldMk cId="449673618" sldId="893"/>
            <ac:spMk id="14" creationId="{6B5CB18C-CD0F-49BF-8A97-A0BCB572FACB}"/>
          </ac:spMkLst>
        </pc:spChg>
        <pc:spChg chg="add mod">
          <ac:chgData name="yechangqing" userId="9869b692-37df-47ec-97b9-0debc9dd442f" providerId="ADAL" clId="{56478C88-6D6D-41C9-98F1-DCD4B742476E}" dt="2023-04-08T12:10:52.931" v="1756" actId="20578"/>
          <ac:spMkLst>
            <pc:docMk/>
            <pc:sldMk cId="449673618" sldId="893"/>
            <ac:spMk id="16" creationId="{0888CF22-3357-4CF6-A142-ED907E414F45}"/>
          </ac:spMkLst>
        </pc:spChg>
        <pc:spChg chg="add mod">
          <ac:chgData name="yechangqing" userId="9869b692-37df-47ec-97b9-0debc9dd442f" providerId="ADAL" clId="{56478C88-6D6D-41C9-98F1-DCD4B742476E}" dt="2023-04-07T07:53:36.292" v="960" actId="571"/>
          <ac:spMkLst>
            <pc:docMk/>
            <pc:sldMk cId="449673618" sldId="893"/>
            <ac:spMk id="17" creationId="{17B53226-39A4-4615-A1A4-C8585250AEFF}"/>
          </ac:spMkLst>
        </pc:spChg>
        <pc:picChg chg="del">
          <ac:chgData name="yechangqing" userId="9869b692-37df-47ec-97b9-0debc9dd442f" providerId="ADAL" clId="{56478C88-6D6D-41C9-98F1-DCD4B742476E}" dt="2023-04-07T07:06:51.321" v="283" actId="478"/>
          <ac:picMkLst>
            <pc:docMk/>
            <pc:sldMk cId="449673618" sldId="893"/>
            <ac:picMk id="7" creationId="{C590A6BC-F68D-47F9-9B3A-354AA0AD7F4D}"/>
          </ac:picMkLst>
        </pc:picChg>
        <pc:picChg chg="del">
          <ac:chgData name="yechangqing" userId="9869b692-37df-47ec-97b9-0debc9dd442f" providerId="ADAL" clId="{56478C88-6D6D-41C9-98F1-DCD4B742476E}" dt="2023-04-07T07:04:14.879" v="281" actId="478"/>
          <ac:picMkLst>
            <pc:docMk/>
            <pc:sldMk cId="449673618" sldId="893"/>
            <ac:picMk id="11" creationId="{BE298333-7DA9-4B36-864D-197086E0FB7F}"/>
          </ac:picMkLst>
        </pc:picChg>
        <pc:picChg chg="del">
          <ac:chgData name="yechangqing" userId="9869b692-37df-47ec-97b9-0debc9dd442f" providerId="ADAL" clId="{56478C88-6D6D-41C9-98F1-DCD4B742476E}" dt="2023-04-07T07:03:32.075" v="280" actId="478"/>
          <ac:picMkLst>
            <pc:docMk/>
            <pc:sldMk cId="449673618" sldId="893"/>
            <ac:picMk id="15" creationId="{D6040491-DAE4-49A0-ABB3-CE973B896A3C}"/>
          </ac:picMkLst>
        </pc:picChg>
        <pc:picChg chg="del">
          <ac:chgData name="yechangqing" userId="9869b692-37df-47ec-97b9-0debc9dd442f" providerId="ADAL" clId="{56478C88-6D6D-41C9-98F1-DCD4B742476E}" dt="2023-04-07T07:31:19.860" v="561" actId="478"/>
          <ac:picMkLst>
            <pc:docMk/>
            <pc:sldMk cId="449673618" sldId="893"/>
            <ac:picMk id="19" creationId="{4912339A-F56F-40AF-B5E6-7C2A2AD0DF2A}"/>
          </ac:picMkLst>
        </pc:picChg>
      </pc:sldChg>
      <pc:sldChg chg="addSp delSp modSp new mod">
        <pc:chgData name="yechangqing" userId="9869b692-37df-47ec-97b9-0debc9dd442f" providerId="ADAL" clId="{56478C88-6D6D-41C9-98F1-DCD4B742476E}" dt="2023-04-07T07:50:54.209" v="922" actId="1076"/>
        <pc:sldMkLst>
          <pc:docMk/>
          <pc:sldMk cId="730788113" sldId="894"/>
        </pc:sldMkLst>
        <pc:spChg chg="mod">
          <ac:chgData name="yechangqing" userId="9869b692-37df-47ec-97b9-0debc9dd442f" providerId="ADAL" clId="{56478C88-6D6D-41C9-98F1-DCD4B742476E}" dt="2023-04-07T07:37:01.563" v="658"/>
          <ac:spMkLst>
            <pc:docMk/>
            <pc:sldMk cId="730788113" sldId="894"/>
            <ac:spMk id="3" creationId="{96D45386-B6A0-4D62-AE1A-A9B286F1C53F}"/>
          </ac:spMkLst>
        </pc:spChg>
        <pc:spChg chg="add mod">
          <ac:chgData name="yechangqing" userId="9869b692-37df-47ec-97b9-0debc9dd442f" providerId="ADAL" clId="{56478C88-6D6D-41C9-98F1-DCD4B742476E}" dt="2023-04-07T07:50:14.447" v="919" actId="1076"/>
          <ac:spMkLst>
            <pc:docMk/>
            <pc:sldMk cId="730788113" sldId="894"/>
            <ac:spMk id="6" creationId="{E2E91304-159F-40E0-9F5C-B37657F7267A}"/>
          </ac:spMkLst>
        </pc:spChg>
        <pc:graphicFrameChg chg="add mod modGraphic">
          <ac:chgData name="yechangqing" userId="9869b692-37df-47ec-97b9-0debc9dd442f" providerId="ADAL" clId="{56478C88-6D6D-41C9-98F1-DCD4B742476E}" dt="2023-04-07T07:44:58.275" v="873" actId="1076"/>
          <ac:graphicFrameMkLst>
            <pc:docMk/>
            <pc:sldMk cId="730788113" sldId="894"/>
            <ac:graphicFrameMk id="4" creationId="{722D5D10-9B5A-48B3-9010-534ABFA08FA5}"/>
          </ac:graphicFrameMkLst>
        </pc:graphicFrameChg>
        <pc:graphicFrameChg chg="add del mod">
          <ac:chgData name="yechangqing" userId="9869b692-37df-47ec-97b9-0debc9dd442f" providerId="ADAL" clId="{56478C88-6D6D-41C9-98F1-DCD4B742476E}" dt="2023-04-07T07:50:52.045" v="920" actId="478"/>
          <ac:graphicFrameMkLst>
            <pc:docMk/>
            <pc:sldMk cId="730788113" sldId="894"/>
            <ac:graphicFrameMk id="5" creationId="{20DDB331-3603-4C0F-AD66-FDC31115BA64}"/>
          </ac:graphicFrameMkLst>
        </pc:graphicFrameChg>
        <pc:picChg chg="add mod">
          <ac:chgData name="yechangqing" userId="9869b692-37df-47ec-97b9-0debc9dd442f" providerId="ADAL" clId="{56478C88-6D6D-41C9-98F1-DCD4B742476E}" dt="2023-04-07T07:50:54.209" v="922" actId="1076"/>
          <ac:picMkLst>
            <pc:docMk/>
            <pc:sldMk cId="730788113" sldId="894"/>
            <ac:picMk id="8" creationId="{10C3D672-D18C-46AB-B03D-6728D6B4298B}"/>
          </ac:picMkLst>
        </pc:picChg>
      </pc:sldChg>
      <pc:sldChg chg="addSp delSp modSp new mod modAnim">
        <pc:chgData name="yechangqing" userId="9869b692-37df-47ec-97b9-0debc9dd442f" providerId="ADAL" clId="{56478C88-6D6D-41C9-98F1-DCD4B742476E}" dt="2023-04-08T12:50:44.906" v="1759" actId="1076"/>
        <pc:sldMkLst>
          <pc:docMk/>
          <pc:sldMk cId="2003538341" sldId="895"/>
        </pc:sldMkLst>
        <pc:spChg chg="mod">
          <ac:chgData name="yechangqing" userId="9869b692-37df-47ec-97b9-0debc9dd442f" providerId="ADAL" clId="{56478C88-6D6D-41C9-98F1-DCD4B742476E}" dt="2023-04-07T07:53:32.906" v="958" actId="20577"/>
          <ac:spMkLst>
            <pc:docMk/>
            <pc:sldMk cId="2003538341" sldId="895"/>
            <ac:spMk id="3" creationId="{FA8F8CC3-6194-4930-BC9C-97C92CB87346}"/>
          </ac:spMkLst>
        </pc:spChg>
        <pc:spChg chg="add mod">
          <ac:chgData name="yechangqing" userId="9869b692-37df-47ec-97b9-0debc9dd442f" providerId="ADAL" clId="{56478C88-6D6D-41C9-98F1-DCD4B742476E}" dt="2023-04-07T07:54:52.010" v="966" actId="14100"/>
          <ac:spMkLst>
            <pc:docMk/>
            <pc:sldMk cId="2003538341" sldId="895"/>
            <ac:spMk id="5" creationId="{8D54B69E-99D6-41FF-A061-2ED1C8470159}"/>
          </ac:spMkLst>
        </pc:spChg>
        <pc:spChg chg="add del mod">
          <ac:chgData name="yechangqing" userId="9869b692-37df-47ec-97b9-0debc9dd442f" providerId="ADAL" clId="{56478C88-6D6D-41C9-98F1-DCD4B742476E}" dt="2023-04-07T07:54:53.200" v="967" actId="478"/>
          <ac:spMkLst>
            <pc:docMk/>
            <pc:sldMk cId="2003538341" sldId="895"/>
            <ac:spMk id="6" creationId="{0BA07347-941B-467A-9C68-224B15E2F7C7}"/>
          </ac:spMkLst>
        </pc:spChg>
        <pc:spChg chg="add mod">
          <ac:chgData name="yechangqing" userId="9869b692-37df-47ec-97b9-0debc9dd442f" providerId="ADAL" clId="{56478C88-6D6D-41C9-98F1-DCD4B742476E}" dt="2023-04-07T07:55:07.462" v="970" actId="20577"/>
          <ac:spMkLst>
            <pc:docMk/>
            <pc:sldMk cId="2003538341" sldId="895"/>
            <ac:spMk id="7" creationId="{1378F46E-1E17-4D19-B486-317802867534}"/>
          </ac:spMkLst>
        </pc:spChg>
        <pc:spChg chg="add mod">
          <ac:chgData name="yechangqing" userId="9869b692-37df-47ec-97b9-0debc9dd442f" providerId="ADAL" clId="{56478C88-6D6D-41C9-98F1-DCD4B742476E}" dt="2023-04-07T08:01:39.303" v="1021"/>
          <ac:spMkLst>
            <pc:docMk/>
            <pc:sldMk cId="2003538341" sldId="895"/>
            <ac:spMk id="10" creationId="{94DDADA9-2EDB-42A2-B8F4-5B0C37AEF25A}"/>
          </ac:spMkLst>
        </pc:spChg>
        <pc:spChg chg="add mod">
          <ac:chgData name="yechangqing" userId="9869b692-37df-47ec-97b9-0debc9dd442f" providerId="ADAL" clId="{56478C88-6D6D-41C9-98F1-DCD4B742476E}" dt="2023-04-07T08:04:51.676" v="1043" actId="1037"/>
          <ac:spMkLst>
            <pc:docMk/>
            <pc:sldMk cId="2003538341" sldId="895"/>
            <ac:spMk id="13" creationId="{F5E98C3C-2839-4943-9AF6-195774186344}"/>
          </ac:spMkLst>
        </pc:spChg>
        <pc:spChg chg="add del mod">
          <ac:chgData name="yechangqing" userId="9869b692-37df-47ec-97b9-0debc9dd442f" providerId="ADAL" clId="{56478C88-6D6D-41C9-98F1-DCD4B742476E}" dt="2023-04-07T08:04:42.507" v="1029"/>
          <ac:spMkLst>
            <pc:docMk/>
            <pc:sldMk cId="2003538341" sldId="895"/>
            <ac:spMk id="14" creationId="{2A7449A1-2D51-484A-82E6-B902757D61CF}"/>
          </ac:spMkLst>
        </pc:spChg>
        <pc:spChg chg="add mod">
          <ac:chgData name="yechangqing" userId="9869b692-37df-47ec-97b9-0debc9dd442f" providerId="ADAL" clId="{56478C88-6D6D-41C9-98F1-DCD4B742476E}" dt="2023-04-07T08:08:05.618" v="1094" actId="1076"/>
          <ac:spMkLst>
            <pc:docMk/>
            <pc:sldMk cId="2003538341" sldId="895"/>
            <ac:spMk id="16" creationId="{7FE3D41D-7F95-4205-BB2C-32CDE8A5FA08}"/>
          </ac:spMkLst>
        </pc:spChg>
        <pc:spChg chg="add mod">
          <ac:chgData name="yechangqing" userId="9869b692-37df-47ec-97b9-0debc9dd442f" providerId="ADAL" clId="{56478C88-6D6D-41C9-98F1-DCD4B742476E}" dt="2023-04-07T08:09:18.849" v="1110" actId="1582"/>
          <ac:spMkLst>
            <pc:docMk/>
            <pc:sldMk cId="2003538341" sldId="895"/>
            <ac:spMk id="17" creationId="{FBA8EAFE-1A8F-4EEE-83DD-0F96EDEEDB73}"/>
          </ac:spMkLst>
        </pc:spChg>
        <pc:picChg chg="add del mod">
          <ac:chgData name="yechangqing" userId="9869b692-37df-47ec-97b9-0debc9dd442f" providerId="ADAL" clId="{56478C88-6D6D-41C9-98F1-DCD4B742476E}" dt="2023-04-07T08:04:51.676" v="1043" actId="1037"/>
          <ac:picMkLst>
            <pc:docMk/>
            <pc:sldMk cId="2003538341" sldId="895"/>
            <ac:picMk id="9" creationId="{1C625C7E-242F-4F21-9F8D-33F2CA94297E}"/>
          </ac:picMkLst>
        </pc:picChg>
        <pc:picChg chg="add mod">
          <ac:chgData name="yechangqing" userId="9869b692-37df-47ec-97b9-0debc9dd442f" providerId="ADAL" clId="{56478C88-6D6D-41C9-98F1-DCD4B742476E}" dt="2023-04-07T07:58:52.711" v="1000" actId="554"/>
          <ac:picMkLst>
            <pc:docMk/>
            <pc:sldMk cId="2003538341" sldId="895"/>
            <ac:picMk id="12" creationId="{BEBE9B51-8656-4AF1-86B6-40D61643EBC1}"/>
          </ac:picMkLst>
        </pc:picChg>
        <pc:picChg chg="add mod">
          <ac:chgData name="yechangqing" userId="9869b692-37df-47ec-97b9-0debc9dd442f" providerId="ADAL" clId="{56478C88-6D6D-41C9-98F1-DCD4B742476E}" dt="2023-04-08T12:50:44.906" v="1759" actId="1076"/>
          <ac:picMkLst>
            <pc:docMk/>
            <pc:sldMk cId="2003538341" sldId="895"/>
            <ac:picMk id="19" creationId="{834E0CF5-8C25-4DFF-9DED-EF5D68B36A95}"/>
          </ac:picMkLst>
        </pc:picChg>
      </pc:sldChg>
      <pc:sldChg chg="addSp delSp modSp new mod modAnim">
        <pc:chgData name="yechangqing" userId="9869b692-37df-47ec-97b9-0debc9dd442f" providerId="ADAL" clId="{56478C88-6D6D-41C9-98F1-DCD4B742476E}" dt="2023-04-10T07:09:49.855" v="2080" actId="1037"/>
        <pc:sldMkLst>
          <pc:docMk/>
          <pc:sldMk cId="2269501449" sldId="896"/>
        </pc:sldMkLst>
        <pc:spChg chg="mod">
          <ac:chgData name="yechangqing" userId="9869b692-37df-47ec-97b9-0debc9dd442f" providerId="ADAL" clId="{56478C88-6D6D-41C9-98F1-DCD4B742476E}" dt="2023-04-07T08:08:34.637" v="1105"/>
          <ac:spMkLst>
            <pc:docMk/>
            <pc:sldMk cId="2269501449" sldId="896"/>
            <ac:spMk id="3" creationId="{932EEE73-F850-438A-B8D6-8DEE5C290F5C}"/>
          </ac:spMkLst>
        </pc:spChg>
        <pc:spChg chg="add mod">
          <ac:chgData name="yechangqing" userId="9869b692-37df-47ec-97b9-0debc9dd442f" providerId="ADAL" clId="{56478C88-6D6D-41C9-98F1-DCD4B742476E}" dt="2023-04-07T08:12:55.077" v="1129" actId="208"/>
          <ac:spMkLst>
            <pc:docMk/>
            <pc:sldMk cId="2269501449" sldId="896"/>
            <ac:spMk id="16" creationId="{E90DFBEB-C5BB-4A90-A600-68C9922CA286}"/>
          </ac:spMkLst>
        </pc:spChg>
        <pc:spChg chg="add mod">
          <ac:chgData name="yechangqing" userId="9869b692-37df-47ec-97b9-0debc9dd442f" providerId="ADAL" clId="{56478C88-6D6D-41C9-98F1-DCD4B742476E}" dt="2023-04-08T07:28:00.432" v="1504" actId="20577"/>
          <ac:spMkLst>
            <pc:docMk/>
            <pc:sldMk cId="2269501449" sldId="896"/>
            <ac:spMk id="22" creationId="{F0DDBCB9-5ABB-4268-9091-FFF4794E6C2C}"/>
          </ac:spMkLst>
        </pc:spChg>
        <pc:picChg chg="add mod">
          <ac:chgData name="yechangqing" userId="9869b692-37df-47ec-97b9-0debc9dd442f" providerId="ADAL" clId="{56478C88-6D6D-41C9-98F1-DCD4B742476E}" dt="2023-04-07T08:09:53.639" v="1113" actId="1076"/>
          <ac:picMkLst>
            <pc:docMk/>
            <pc:sldMk cId="2269501449" sldId="896"/>
            <ac:picMk id="5" creationId="{8821975F-AED6-475A-B4B9-5058B5CB3CCF}"/>
          </ac:picMkLst>
        </pc:picChg>
        <pc:picChg chg="add mod">
          <ac:chgData name="yechangqing" userId="9869b692-37df-47ec-97b9-0debc9dd442f" providerId="ADAL" clId="{56478C88-6D6D-41C9-98F1-DCD4B742476E}" dt="2023-04-07T08:09:59.934" v="1115" actId="1076"/>
          <ac:picMkLst>
            <pc:docMk/>
            <pc:sldMk cId="2269501449" sldId="896"/>
            <ac:picMk id="7" creationId="{8A17F46B-DFF5-4364-9BA5-62D4C2E20A14}"/>
          </ac:picMkLst>
        </pc:picChg>
        <pc:picChg chg="add mod">
          <ac:chgData name="yechangqing" userId="9869b692-37df-47ec-97b9-0debc9dd442f" providerId="ADAL" clId="{56478C88-6D6D-41C9-98F1-DCD4B742476E}" dt="2023-04-07T08:10:10.650" v="1117" actId="1076"/>
          <ac:picMkLst>
            <pc:docMk/>
            <pc:sldMk cId="2269501449" sldId="896"/>
            <ac:picMk id="9" creationId="{AC54DAD5-A996-4758-B3CA-839B06EF05B4}"/>
          </ac:picMkLst>
        </pc:picChg>
        <pc:picChg chg="add del">
          <ac:chgData name="yechangqing" userId="9869b692-37df-47ec-97b9-0debc9dd442f" providerId="ADAL" clId="{56478C88-6D6D-41C9-98F1-DCD4B742476E}" dt="2023-04-07T08:11:41.486" v="1119" actId="478"/>
          <ac:picMkLst>
            <pc:docMk/>
            <pc:sldMk cId="2269501449" sldId="896"/>
            <ac:picMk id="11" creationId="{2D2E2688-7BBD-4D57-9F72-6BAF500C7CC7}"/>
          </ac:picMkLst>
        </pc:picChg>
        <pc:picChg chg="add del">
          <ac:chgData name="yechangqing" userId="9869b692-37df-47ec-97b9-0debc9dd442f" providerId="ADAL" clId="{56478C88-6D6D-41C9-98F1-DCD4B742476E}" dt="2023-04-07T08:12:04.903" v="1121" actId="478"/>
          <ac:picMkLst>
            <pc:docMk/>
            <pc:sldMk cId="2269501449" sldId="896"/>
            <ac:picMk id="13" creationId="{4D3482A4-F34B-4A11-9D0D-244D8C4B0386}"/>
          </ac:picMkLst>
        </pc:picChg>
        <pc:picChg chg="add mod">
          <ac:chgData name="yechangqing" userId="9869b692-37df-47ec-97b9-0debc9dd442f" providerId="ADAL" clId="{56478C88-6D6D-41C9-98F1-DCD4B742476E}" dt="2023-04-10T07:09:49.855" v="2080" actId="1037"/>
          <ac:picMkLst>
            <pc:docMk/>
            <pc:sldMk cId="2269501449" sldId="896"/>
            <ac:picMk id="15" creationId="{3EF5230C-8AAA-4816-AB8D-80B146736056}"/>
          </ac:picMkLst>
        </pc:picChg>
        <pc:picChg chg="add mod">
          <ac:chgData name="yechangqing" userId="9869b692-37df-47ec-97b9-0debc9dd442f" providerId="ADAL" clId="{56478C88-6D6D-41C9-98F1-DCD4B742476E}" dt="2023-04-07T08:26:05.260" v="1253" actId="1076"/>
          <ac:picMkLst>
            <pc:docMk/>
            <pc:sldMk cId="2269501449" sldId="896"/>
            <ac:picMk id="18" creationId="{6291F9F0-70C0-41AA-8115-B0D4002E47E4}"/>
          </ac:picMkLst>
        </pc:picChg>
        <pc:picChg chg="add mod">
          <ac:chgData name="yechangqing" userId="9869b692-37df-47ec-97b9-0debc9dd442f" providerId="ADAL" clId="{56478C88-6D6D-41C9-98F1-DCD4B742476E}" dt="2023-04-10T07:09:45.912" v="2079" actId="1037"/>
          <ac:picMkLst>
            <pc:docMk/>
            <pc:sldMk cId="2269501449" sldId="896"/>
            <ac:picMk id="24" creationId="{8A880192-B9D9-4891-BCD1-84CFE24D06C7}"/>
          </ac:picMkLst>
        </pc:picChg>
        <pc:cxnChg chg="add mod">
          <ac:chgData name="yechangqing" userId="9869b692-37df-47ec-97b9-0debc9dd442f" providerId="ADAL" clId="{56478C88-6D6D-41C9-98F1-DCD4B742476E}" dt="2023-04-07T08:13:48.115" v="1136" actId="108"/>
          <ac:cxnSpMkLst>
            <pc:docMk/>
            <pc:sldMk cId="2269501449" sldId="896"/>
            <ac:cxnSpMk id="20" creationId="{68F84187-DB2F-49B3-BE17-4C7329B7714A}"/>
          </ac:cxnSpMkLst>
        </pc:cxnChg>
      </pc:sldChg>
      <pc:sldChg chg="addSp modSp new mod">
        <pc:chgData name="yechangqing" userId="9869b692-37df-47ec-97b9-0debc9dd442f" providerId="ADAL" clId="{56478C88-6D6D-41C9-98F1-DCD4B742476E}" dt="2023-04-08T07:23:20.556" v="1489"/>
        <pc:sldMkLst>
          <pc:docMk/>
          <pc:sldMk cId="3186544967" sldId="897"/>
        </pc:sldMkLst>
        <pc:spChg chg="mod">
          <ac:chgData name="yechangqing" userId="9869b692-37df-47ec-97b9-0debc9dd442f" providerId="ADAL" clId="{56478C88-6D6D-41C9-98F1-DCD4B742476E}" dt="2023-04-08T07:23:20.556" v="1489"/>
          <ac:spMkLst>
            <pc:docMk/>
            <pc:sldMk cId="3186544967" sldId="897"/>
            <ac:spMk id="3" creationId="{E9832C1C-AD2E-466E-A8A6-292C81FE1B9C}"/>
          </ac:spMkLst>
        </pc:spChg>
        <pc:graphicFrameChg chg="add mod modGraphic">
          <ac:chgData name="yechangqing" userId="9869b692-37df-47ec-97b9-0debc9dd442f" providerId="ADAL" clId="{56478C88-6D6D-41C9-98F1-DCD4B742476E}" dt="2023-04-07T08:24:46.772" v="1250" actId="1076"/>
          <ac:graphicFrameMkLst>
            <pc:docMk/>
            <pc:sldMk cId="3186544967" sldId="897"/>
            <ac:graphicFrameMk id="4" creationId="{34D22CDC-BAC0-411D-96BF-2F8CAF8215AE}"/>
          </ac:graphicFrameMkLst>
        </pc:graphicFrameChg>
      </pc:sldChg>
      <pc:sldChg chg="addSp delSp modSp new mod">
        <pc:chgData name="yechangqing" userId="9869b692-37df-47ec-97b9-0debc9dd442f" providerId="ADAL" clId="{56478C88-6D6D-41C9-98F1-DCD4B742476E}" dt="2023-04-07T09:26:56.618" v="1457" actId="1035"/>
        <pc:sldMkLst>
          <pc:docMk/>
          <pc:sldMk cId="3081127318" sldId="898"/>
        </pc:sldMkLst>
        <pc:spChg chg="mod">
          <ac:chgData name="yechangqing" userId="9869b692-37df-47ec-97b9-0debc9dd442f" providerId="ADAL" clId="{56478C88-6D6D-41C9-98F1-DCD4B742476E}" dt="2023-04-07T08:57:19.536" v="1419" actId="20577"/>
          <ac:spMkLst>
            <pc:docMk/>
            <pc:sldMk cId="3081127318" sldId="898"/>
            <ac:spMk id="3" creationId="{AC58B7B8-806C-4664-B4D3-055AE8F8CEE7}"/>
          </ac:spMkLst>
        </pc:spChg>
        <pc:spChg chg="add mod">
          <ac:chgData name="yechangqing" userId="9869b692-37df-47ec-97b9-0debc9dd442f" providerId="ADAL" clId="{56478C88-6D6D-41C9-98F1-DCD4B742476E}" dt="2023-04-07T09:26:56.618" v="1457" actId="1035"/>
          <ac:spMkLst>
            <pc:docMk/>
            <pc:sldMk cId="3081127318" sldId="898"/>
            <ac:spMk id="6" creationId="{5DD523D9-4DB6-40C4-8CA0-28CE7A690E68}"/>
          </ac:spMkLst>
        </pc:spChg>
        <pc:spChg chg="add mod">
          <ac:chgData name="yechangqing" userId="9869b692-37df-47ec-97b9-0debc9dd442f" providerId="ADAL" clId="{56478C88-6D6D-41C9-98F1-DCD4B742476E}" dt="2023-04-07T09:26:56.618" v="1457" actId="1035"/>
          <ac:spMkLst>
            <pc:docMk/>
            <pc:sldMk cId="3081127318" sldId="898"/>
            <ac:spMk id="7" creationId="{469BF395-F5C5-4FC2-96A5-86B87660AA46}"/>
          </ac:spMkLst>
        </pc:spChg>
        <pc:picChg chg="add mod">
          <ac:chgData name="yechangqing" userId="9869b692-37df-47ec-97b9-0debc9dd442f" providerId="ADAL" clId="{56478C88-6D6D-41C9-98F1-DCD4B742476E}" dt="2023-04-07T09:26:56.618" v="1457" actId="1035"/>
          <ac:picMkLst>
            <pc:docMk/>
            <pc:sldMk cId="3081127318" sldId="898"/>
            <ac:picMk id="5" creationId="{F612FB31-0233-4693-93DA-2286D1EA0DF2}"/>
          </ac:picMkLst>
        </pc:picChg>
        <pc:picChg chg="add del mod">
          <ac:chgData name="yechangqing" userId="9869b692-37df-47ec-97b9-0debc9dd442f" providerId="ADAL" clId="{56478C88-6D6D-41C9-98F1-DCD4B742476E}" dt="2023-04-07T09:26:56.618" v="1457" actId="1035"/>
          <ac:picMkLst>
            <pc:docMk/>
            <pc:sldMk cId="3081127318" sldId="898"/>
            <ac:picMk id="9" creationId="{324B1F6F-D4D6-463F-8A67-9CCE379524F9}"/>
          </ac:picMkLst>
        </pc:picChg>
        <pc:picChg chg="add del mod">
          <ac:chgData name="yechangqing" userId="9869b692-37df-47ec-97b9-0debc9dd442f" providerId="ADAL" clId="{56478C88-6D6D-41C9-98F1-DCD4B742476E}" dt="2023-04-07T09:26:50.084" v="1452" actId="22"/>
          <ac:picMkLst>
            <pc:docMk/>
            <pc:sldMk cId="3081127318" sldId="898"/>
            <ac:picMk id="11" creationId="{FF712654-0041-48B4-85B6-59234E8A09F3}"/>
          </ac:picMkLst>
        </pc:picChg>
      </pc:sldChg>
      <pc:sldChg chg="addSp modSp new mod modShow modNotesTx">
        <pc:chgData name="yechangqing" userId="9869b692-37df-47ec-97b9-0debc9dd442f" providerId="ADAL" clId="{56478C88-6D6D-41C9-98F1-DCD4B742476E}" dt="2023-04-08T09:52:18.798" v="1546" actId="729"/>
        <pc:sldMkLst>
          <pc:docMk/>
          <pc:sldMk cId="320458267" sldId="899"/>
        </pc:sldMkLst>
        <pc:spChg chg="mod">
          <ac:chgData name="yechangqing" userId="9869b692-37df-47ec-97b9-0debc9dd442f" providerId="ADAL" clId="{56478C88-6D6D-41C9-98F1-DCD4B742476E}" dt="2023-04-07T09:27:34.630" v="1460" actId="20577"/>
          <ac:spMkLst>
            <pc:docMk/>
            <pc:sldMk cId="320458267" sldId="899"/>
            <ac:spMk id="3" creationId="{1CCD553C-AD2F-4110-B1C9-8EAA9BD1C166}"/>
          </ac:spMkLst>
        </pc:spChg>
        <pc:spChg chg="add mod">
          <ac:chgData name="yechangqing" userId="9869b692-37df-47ec-97b9-0debc9dd442f" providerId="ADAL" clId="{56478C88-6D6D-41C9-98F1-DCD4B742476E}" dt="2023-04-08T07:37:09.900" v="1507"/>
          <ac:spMkLst>
            <pc:docMk/>
            <pc:sldMk cId="320458267" sldId="899"/>
            <ac:spMk id="6" creationId="{DD79F84C-D570-4E76-95D5-D20126D66814}"/>
          </ac:spMkLst>
        </pc:spChg>
        <pc:picChg chg="add mod">
          <ac:chgData name="yechangqing" userId="9869b692-37df-47ec-97b9-0debc9dd442f" providerId="ADAL" clId="{56478C88-6D6D-41C9-98F1-DCD4B742476E}" dt="2023-04-07T09:28:09.681" v="1462" actId="1076"/>
          <ac:picMkLst>
            <pc:docMk/>
            <pc:sldMk cId="320458267" sldId="899"/>
            <ac:picMk id="5" creationId="{221FD8FC-49F1-4ED5-9CD8-F634CD057C8A}"/>
          </ac:picMkLst>
        </pc:picChg>
      </pc:sldChg>
      <pc:sldChg chg="addSp delSp modSp new mod">
        <pc:chgData name="yechangqing" userId="9869b692-37df-47ec-97b9-0debc9dd442f" providerId="ADAL" clId="{56478C88-6D6D-41C9-98F1-DCD4B742476E}" dt="2023-04-08T12:06:23.430" v="1734" actId="1076"/>
        <pc:sldMkLst>
          <pc:docMk/>
          <pc:sldMk cId="1264078796" sldId="900"/>
        </pc:sldMkLst>
        <pc:spChg chg="mod">
          <ac:chgData name="yechangqing" userId="9869b692-37df-47ec-97b9-0debc9dd442f" providerId="ADAL" clId="{56478C88-6D6D-41C9-98F1-DCD4B742476E}" dt="2023-04-08T07:37:50.087" v="1521"/>
          <ac:spMkLst>
            <pc:docMk/>
            <pc:sldMk cId="1264078796" sldId="900"/>
            <ac:spMk id="3" creationId="{D5BE9C11-B653-459C-9E8D-E31122A26F38}"/>
          </ac:spMkLst>
        </pc:spChg>
        <pc:graphicFrameChg chg="add mod modGraphic">
          <ac:chgData name="yechangqing" userId="9869b692-37df-47ec-97b9-0debc9dd442f" providerId="ADAL" clId="{56478C88-6D6D-41C9-98F1-DCD4B742476E}" dt="2023-04-08T12:05:39.705" v="1733" actId="403"/>
          <ac:graphicFrameMkLst>
            <pc:docMk/>
            <pc:sldMk cId="1264078796" sldId="900"/>
            <ac:graphicFrameMk id="12" creationId="{1A6A1DBD-0BA5-46FD-B45F-BE31F114799B}"/>
          </ac:graphicFrameMkLst>
        </pc:graphicFrameChg>
        <pc:picChg chg="add del mod">
          <ac:chgData name="yechangqing" userId="9869b692-37df-47ec-97b9-0debc9dd442f" providerId="ADAL" clId="{56478C88-6D6D-41C9-98F1-DCD4B742476E}" dt="2023-04-08T11:48:29.839" v="1648" actId="478"/>
          <ac:picMkLst>
            <pc:docMk/>
            <pc:sldMk cId="1264078796" sldId="900"/>
            <ac:picMk id="5" creationId="{56F01439-AA75-4B1D-ACF9-18F787785C4A}"/>
          </ac:picMkLst>
        </pc:picChg>
        <pc:picChg chg="add del mod">
          <ac:chgData name="yechangqing" userId="9869b692-37df-47ec-97b9-0debc9dd442f" providerId="ADAL" clId="{56478C88-6D6D-41C9-98F1-DCD4B742476E}" dt="2023-04-08T12:00:08.887" v="1725" actId="478"/>
          <ac:picMkLst>
            <pc:docMk/>
            <pc:sldMk cId="1264078796" sldId="900"/>
            <ac:picMk id="7" creationId="{461CC64F-9823-4195-9432-1D81047505CE}"/>
          </ac:picMkLst>
        </pc:picChg>
        <pc:picChg chg="add mod">
          <ac:chgData name="yechangqing" userId="9869b692-37df-47ec-97b9-0debc9dd442f" providerId="ADAL" clId="{56478C88-6D6D-41C9-98F1-DCD4B742476E}" dt="2023-04-08T11:54:38.533" v="1672" actId="1035"/>
          <ac:picMkLst>
            <pc:docMk/>
            <pc:sldMk cId="1264078796" sldId="900"/>
            <ac:picMk id="9" creationId="{B8E52C62-B62B-4C5A-8D3F-BAE4819F19F9}"/>
          </ac:picMkLst>
        </pc:picChg>
        <pc:picChg chg="add mod">
          <ac:chgData name="yechangqing" userId="9869b692-37df-47ec-97b9-0debc9dd442f" providerId="ADAL" clId="{56478C88-6D6D-41C9-98F1-DCD4B742476E}" dt="2023-04-08T12:06:23.430" v="1734" actId="1076"/>
          <ac:picMkLst>
            <pc:docMk/>
            <pc:sldMk cId="1264078796" sldId="900"/>
            <ac:picMk id="11" creationId="{2C31684E-EC79-460F-843D-AC1CF73CF4AE}"/>
          </ac:picMkLst>
        </pc:picChg>
        <pc:picChg chg="add mod">
          <ac:chgData name="yechangqing" userId="9869b692-37df-47ec-97b9-0debc9dd442f" providerId="ADAL" clId="{56478C88-6D6D-41C9-98F1-DCD4B742476E}" dt="2023-04-08T12:00:16.212" v="1729" actId="1076"/>
          <ac:picMkLst>
            <pc:docMk/>
            <pc:sldMk cId="1264078796" sldId="900"/>
            <ac:picMk id="14" creationId="{F442CF09-194A-4D4C-9EC3-26DB346A7525}"/>
          </ac:picMkLst>
        </pc:picChg>
      </pc:sldChg>
      <pc:sldChg chg="addSp modSp new mod">
        <pc:chgData name="yechangqing" userId="9869b692-37df-47ec-97b9-0debc9dd442f" providerId="ADAL" clId="{56478C88-6D6D-41C9-98F1-DCD4B742476E}" dt="2023-04-08T10:10:42.914" v="1575" actId="1076"/>
        <pc:sldMkLst>
          <pc:docMk/>
          <pc:sldMk cId="4131570786" sldId="901"/>
        </pc:sldMkLst>
        <pc:spChg chg="mod">
          <ac:chgData name="yechangqing" userId="9869b692-37df-47ec-97b9-0debc9dd442f" providerId="ADAL" clId="{56478C88-6D6D-41C9-98F1-DCD4B742476E}" dt="2023-04-08T10:04:38.885" v="1569"/>
          <ac:spMkLst>
            <pc:docMk/>
            <pc:sldMk cId="4131570786" sldId="901"/>
            <ac:spMk id="3" creationId="{8E7A6C08-6535-4657-BF79-C2A1159D4A90}"/>
          </ac:spMkLst>
        </pc:spChg>
        <pc:spChg chg="add mod">
          <ac:chgData name="yechangqing" userId="9869b692-37df-47ec-97b9-0debc9dd442f" providerId="ADAL" clId="{56478C88-6D6D-41C9-98F1-DCD4B742476E}" dt="2023-04-08T10:10:34.568" v="1573" actId="1076"/>
          <ac:spMkLst>
            <pc:docMk/>
            <pc:sldMk cId="4131570786" sldId="901"/>
            <ac:spMk id="4" creationId="{71386056-814A-44F2-B19F-A0595875055D}"/>
          </ac:spMkLst>
        </pc:spChg>
        <pc:picChg chg="add mod">
          <ac:chgData name="yechangqing" userId="9869b692-37df-47ec-97b9-0debc9dd442f" providerId="ADAL" clId="{56478C88-6D6D-41C9-98F1-DCD4B742476E}" dt="2023-04-08T10:10:42.914" v="1575" actId="1076"/>
          <ac:picMkLst>
            <pc:docMk/>
            <pc:sldMk cId="4131570786" sldId="901"/>
            <ac:picMk id="6" creationId="{A56E7BEB-1DAC-4285-90ED-E7C401F91437}"/>
          </ac:picMkLst>
        </pc:picChg>
      </pc:sldChg>
      <pc:sldChg chg="addSp delSp modSp new mod modShow">
        <pc:chgData name="yechangqing" userId="9869b692-37df-47ec-97b9-0debc9dd442f" providerId="ADAL" clId="{56478C88-6D6D-41C9-98F1-DCD4B742476E}" dt="2023-04-09T09:52:00.337" v="1972" actId="729"/>
        <pc:sldMkLst>
          <pc:docMk/>
          <pc:sldMk cId="2981731294" sldId="902"/>
        </pc:sldMkLst>
        <pc:spChg chg="mod">
          <ac:chgData name="yechangqing" userId="9869b692-37df-47ec-97b9-0debc9dd442f" providerId="ADAL" clId="{56478C88-6D6D-41C9-98F1-DCD4B742476E}" dt="2023-04-08T10:27:27.917" v="1580"/>
          <ac:spMkLst>
            <pc:docMk/>
            <pc:sldMk cId="2981731294" sldId="902"/>
            <ac:spMk id="3" creationId="{A15C6C99-203F-431F-B76F-A4795AF482F5}"/>
          </ac:spMkLst>
        </pc:spChg>
        <pc:spChg chg="add del mod">
          <ac:chgData name="yechangqing" userId="9869b692-37df-47ec-97b9-0debc9dd442f" providerId="ADAL" clId="{56478C88-6D6D-41C9-98F1-DCD4B742476E}" dt="2023-04-08T10:28:31.816" v="1586"/>
          <ac:spMkLst>
            <pc:docMk/>
            <pc:sldMk cId="2981731294" sldId="902"/>
            <ac:spMk id="6" creationId="{C467DE5A-9B35-42E0-8CFE-75CC84040CE8}"/>
          </ac:spMkLst>
        </pc:spChg>
        <pc:spChg chg="add mod">
          <ac:chgData name="yechangqing" userId="9869b692-37df-47ec-97b9-0debc9dd442f" providerId="ADAL" clId="{56478C88-6D6D-41C9-98F1-DCD4B742476E}" dt="2023-04-08T10:33:57.151" v="1643" actId="1076"/>
          <ac:spMkLst>
            <pc:docMk/>
            <pc:sldMk cId="2981731294" sldId="902"/>
            <ac:spMk id="7" creationId="{F8A07016-E7AC-4460-8D06-CFB231194610}"/>
          </ac:spMkLst>
        </pc:spChg>
        <pc:picChg chg="add mod">
          <ac:chgData name="yechangqing" userId="9869b692-37df-47ec-97b9-0debc9dd442f" providerId="ADAL" clId="{56478C88-6D6D-41C9-98F1-DCD4B742476E}" dt="2023-04-08T10:33:28.437" v="1642" actId="1076"/>
          <ac:picMkLst>
            <pc:docMk/>
            <pc:sldMk cId="2981731294" sldId="902"/>
            <ac:picMk id="5" creationId="{F6727121-6966-44D6-9CD3-9C40434AC7A3}"/>
          </ac:picMkLst>
        </pc:picChg>
      </pc:sldChg>
      <pc:sldChg chg="addSp delSp modSp new mod modNotesTx">
        <pc:chgData name="yechangqing" userId="9869b692-37df-47ec-97b9-0debc9dd442f" providerId="ADAL" clId="{56478C88-6D6D-41C9-98F1-DCD4B742476E}" dt="2023-04-09T13:25:22.196" v="1973" actId="21"/>
        <pc:sldMkLst>
          <pc:docMk/>
          <pc:sldMk cId="3656981185" sldId="903"/>
        </pc:sldMkLst>
        <pc:spChg chg="mod">
          <ac:chgData name="yechangqing" userId="9869b692-37df-47ec-97b9-0debc9dd442f" providerId="ADAL" clId="{56478C88-6D6D-41C9-98F1-DCD4B742476E}" dt="2023-04-08T12:09:07.018" v="1755" actId="27636"/>
          <ac:spMkLst>
            <pc:docMk/>
            <pc:sldMk cId="3656981185" sldId="903"/>
            <ac:spMk id="3" creationId="{A7736788-ABE1-47F6-84AD-2A8BD8856DAD}"/>
          </ac:spMkLst>
        </pc:spChg>
        <pc:spChg chg="add mod">
          <ac:chgData name="yechangqing" userId="9869b692-37df-47ec-97b9-0debc9dd442f" providerId="ADAL" clId="{56478C88-6D6D-41C9-98F1-DCD4B742476E}" dt="2023-04-08T14:07:47.037" v="1874" actId="1076"/>
          <ac:spMkLst>
            <pc:docMk/>
            <pc:sldMk cId="3656981185" sldId="903"/>
            <ac:spMk id="6" creationId="{EFDB3E72-589A-4C0B-9685-876B05F8B4DC}"/>
          </ac:spMkLst>
        </pc:spChg>
        <pc:spChg chg="add del mod">
          <ac:chgData name="yechangqing" userId="9869b692-37df-47ec-97b9-0debc9dd442f" providerId="ADAL" clId="{56478C88-6D6D-41C9-98F1-DCD4B742476E}" dt="2023-04-08T14:05:12.067" v="1829" actId="22"/>
          <ac:spMkLst>
            <pc:docMk/>
            <pc:sldMk cId="3656981185" sldId="903"/>
            <ac:spMk id="12" creationId="{BAB3D8E9-A6C4-48AE-9F53-0A46F9EF21E8}"/>
          </ac:spMkLst>
        </pc:spChg>
        <pc:spChg chg="add del mod">
          <ac:chgData name="yechangqing" userId="9869b692-37df-47ec-97b9-0debc9dd442f" providerId="ADAL" clId="{56478C88-6D6D-41C9-98F1-DCD4B742476E}" dt="2023-04-08T14:05:46.300" v="1840" actId="22"/>
          <ac:spMkLst>
            <pc:docMk/>
            <pc:sldMk cId="3656981185" sldId="903"/>
            <ac:spMk id="14" creationId="{7C0283D6-7755-4949-B3C1-E345C561547F}"/>
          </ac:spMkLst>
        </pc:spChg>
        <pc:spChg chg="add del mod">
          <ac:chgData name="yechangqing" userId="9869b692-37df-47ec-97b9-0debc9dd442f" providerId="ADAL" clId="{56478C88-6D6D-41C9-98F1-DCD4B742476E}" dt="2023-04-08T14:08:59.372" v="1886" actId="478"/>
          <ac:spMkLst>
            <pc:docMk/>
            <pc:sldMk cId="3656981185" sldId="903"/>
            <ac:spMk id="16" creationId="{E888A902-F200-4B3E-9C5C-000DB7AF32B1}"/>
          </ac:spMkLst>
        </pc:spChg>
        <pc:spChg chg="add mod">
          <ac:chgData name="yechangqing" userId="9869b692-37df-47ec-97b9-0debc9dd442f" providerId="ADAL" clId="{56478C88-6D6D-41C9-98F1-DCD4B742476E}" dt="2023-04-08T15:14:28.675" v="1944" actId="1076"/>
          <ac:spMkLst>
            <pc:docMk/>
            <pc:sldMk cId="3656981185" sldId="903"/>
            <ac:spMk id="17" creationId="{699C196B-C3C9-4EDF-99E0-615EB62167D1}"/>
          </ac:spMkLst>
        </pc:spChg>
        <pc:graphicFrameChg chg="add del mod">
          <ac:chgData name="yechangqing" userId="9869b692-37df-47ec-97b9-0debc9dd442f" providerId="ADAL" clId="{56478C88-6D6D-41C9-98F1-DCD4B742476E}" dt="2023-04-08T14:04:57.054" v="1822"/>
          <ac:graphicFrameMkLst>
            <pc:docMk/>
            <pc:sldMk cId="3656981185" sldId="903"/>
            <ac:graphicFrameMk id="9" creationId="{DDF3C6B2-1EBB-4F07-B578-803762E76DDE}"/>
          </ac:graphicFrameMkLst>
        </pc:graphicFrameChg>
        <pc:graphicFrameChg chg="add del mod">
          <ac:chgData name="yechangqing" userId="9869b692-37df-47ec-97b9-0debc9dd442f" providerId="ADAL" clId="{56478C88-6D6D-41C9-98F1-DCD4B742476E}" dt="2023-04-08T14:04:59.430" v="1824"/>
          <ac:graphicFrameMkLst>
            <pc:docMk/>
            <pc:sldMk cId="3656981185" sldId="903"/>
            <ac:graphicFrameMk id="10" creationId="{9BAC4688-7ABF-44EC-9497-54EF5F10A9F5}"/>
          </ac:graphicFrameMkLst>
        </pc:graphicFrameChg>
        <pc:graphicFrameChg chg="add mod modGraphic">
          <ac:chgData name="yechangqing" userId="9869b692-37df-47ec-97b9-0debc9dd442f" providerId="ADAL" clId="{56478C88-6D6D-41C9-98F1-DCD4B742476E}" dt="2023-04-08T14:44:24.282" v="1925" actId="1076"/>
          <ac:graphicFrameMkLst>
            <pc:docMk/>
            <pc:sldMk cId="3656981185" sldId="903"/>
            <ac:graphicFrameMk id="15" creationId="{CAC66411-78CD-45BA-8B9C-915A6B06A05E}"/>
          </ac:graphicFrameMkLst>
        </pc:graphicFrameChg>
        <pc:picChg chg="add mod modCrop">
          <ac:chgData name="yechangqing" userId="9869b692-37df-47ec-97b9-0debc9dd442f" providerId="ADAL" clId="{56478C88-6D6D-41C9-98F1-DCD4B742476E}" dt="2023-04-08T14:08:22.866" v="1884" actId="1076"/>
          <ac:picMkLst>
            <pc:docMk/>
            <pc:sldMk cId="3656981185" sldId="903"/>
            <ac:picMk id="5" creationId="{7F06479E-5A71-46EE-B64C-7DA3C7894CE0}"/>
          </ac:picMkLst>
        </pc:picChg>
        <pc:picChg chg="add del mod">
          <ac:chgData name="yechangqing" userId="9869b692-37df-47ec-97b9-0debc9dd442f" providerId="ADAL" clId="{56478C88-6D6D-41C9-98F1-DCD4B742476E}" dt="2023-04-09T13:25:22.196" v="1973" actId="21"/>
          <ac:picMkLst>
            <pc:docMk/>
            <pc:sldMk cId="3656981185" sldId="903"/>
            <ac:picMk id="8" creationId="{6BC9EDF0-1B01-42FC-B3C7-482DA1434DF3}"/>
          </ac:picMkLst>
        </pc:picChg>
      </pc:sldChg>
      <pc:sldChg chg="addSp delSp modSp new mod modNotesTx">
        <pc:chgData name="yechangqing" userId="9869b692-37df-47ec-97b9-0debc9dd442f" providerId="ADAL" clId="{56478C88-6D6D-41C9-98F1-DCD4B742476E}" dt="2023-04-10T07:06:13.842" v="2076" actId="478"/>
        <pc:sldMkLst>
          <pc:docMk/>
          <pc:sldMk cId="2205862068" sldId="904"/>
        </pc:sldMkLst>
        <pc:spChg chg="mod">
          <ac:chgData name="yechangqing" userId="9869b692-37df-47ec-97b9-0debc9dd442f" providerId="ADAL" clId="{56478C88-6D6D-41C9-98F1-DCD4B742476E}" dt="2023-04-10T02:21:36.434" v="2069"/>
          <ac:spMkLst>
            <pc:docMk/>
            <pc:sldMk cId="2205862068" sldId="904"/>
            <ac:spMk id="3" creationId="{E155DAD5-5927-4F54-8F7B-99CDB68E1116}"/>
          </ac:spMkLst>
        </pc:spChg>
        <pc:spChg chg="add del mod">
          <ac:chgData name="yechangqing" userId="9869b692-37df-47ec-97b9-0debc9dd442f" providerId="ADAL" clId="{56478C88-6D6D-41C9-98F1-DCD4B742476E}" dt="2023-04-10T07:06:13.842" v="2076" actId="478"/>
          <ac:spMkLst>
            <pc:docMk/>
            <pc:sldMk cId="2205862068" sldId="904"/>
            <ac:spMk id="13" creationId="{C04CF985-5A80-47E0-9837-5A0DC633801D}"/>
          </ac:spMkLst>
        </pc:spChg>
        <pc:picChg chg="add mod">
          <ac:chgData name="yechangqing" userId="9869b692-37df-47ec-97b9-0debc9dd442f" providerId="ADAL" clId="{56478C88-6D6D-41C9-98F1-DCD4B742476E}" dt="2023-04-08T14:52:49.319" v="1933" actId="1035"/>
          <ac:picMkLst>
            <pc:docMk/>
            <pc:sldMk cId="2205862068" sldId="904"/>
            <ac:picMk id="5" creationId="{D9A9EF04-43DE-4803-9A73-3C20ABA57FDD}"/>
          </ac:picMkLst>
        </pc:picChg>
        <pc:picChg chg="add del mod">
          <ac:chgData name="yechangqing" userId="9869b692-37df-47ec-97b9-0debc9dd442f" providerId="ADAL" clId="{56478C88-6D6D-41C9-98F1-DCD4B742476E}" dt="2023-04-08T14:52:18.832" v="1929" actId="478"/>
          <ac:picMkLst>
            <pc:docMk/>
            <pc:sldMk cId="2205862068" sldId="904"/>
            <ac:picMk id="7" creationId="{6276B81D-0A56-4831-BEB6-3125E576A2F4}"/>
          </ac:picMkLst>
        </pc:picChg>
        <pc:picChg chg="add mod">
          <ac:chgData name="yechangqing" userId="9869b692-37df-47ec-97b9-0debc9dd442f" providerId="ADAL" clId="{56478C88-6D6D-41C9-98F1-DCD4B742476E}" dt="2023-04-08T14:52:44.509" v="1931" actId="1076"/>
          <ac:picMkLst>
            <pc:docMk/>
            <pc:sldMk cId="2205862068" sldId="904"/>
            <ac:picMk id="9" creationId="{E4C16ED2-3692-4AD3-8EC2-9CC77FE633CE}"/>
          </ac:picMkLst>
        </pc:picChg>
        <pc:picChg chg="add mod">
          <ac:chgData name="yechangqing" userId="9869b692-37df-47ec-97b9-0debc9dd442f" providerId="ADAL" clId="{56478C88-6D6D-41C9-98F1-DCD4B742476E}" dt="2023-04-09T13:28:39.548" v="1977" actId="1076"/>
          <ac:picMkLst>
            <pc:docMk/>
            <pc:sldMk cId="2205862068" sldId="904"/>
            <ac:picMk id="11" creationId="{FE0AE6C7-52D7-40D0-A20C-D8D6E8C6AAFD}"/>
          </ac:picMkLst>
        </pc:picChg>
      </pc:sldChg>
      <pc:sldChg chg="addSp modSp new mod">
        <pc:chgData name="yechangqing" userId="9869b692-37df-47ec-97b9-0debc9dd442f" providerId="ADAL" clId="{56478C88-6D6D-41C9-98F1-DCD4B742476E}" dt="2023-04-10T02:22:25.717" v="2072"/>
        <pc:sldMkLst>
          <pc:docMk/>
          <pc:sldMk cId="3474005615" sldId="905"/>
        </pc:sldMkLst>
        <pc:spChg chg="mod">
          <ac:chgData name="yechangqing" userId="9869b692-37df-47ec-97b9-0debc9dd442f" providerId="ADAL" clId="{56478C88-6D6D-41C9-98F1-DCD4B742476E}" dt="2023-04-08T15:15:23.100" v="1971" actId="27636"/>
          <ac:spMkLst>
            <pc:docMk/>
            <pc:sldMk cId="3474005615" sldId="905"/>
            <ac:spMk id="3" creationId="{83113B93-CD28-4C47-9EAD-F5D563C6C54B}"/>
          </ac:spMkLst>
        </pc:spChg>
        <pc:spChg chg="add mod">
          <ac:chgData name="yechangqing" userId="9869b692-37df-47ec-97b9-0debc9dd442f" providerId="ADAL" clId="{56478C88-6D6D-41C9-98F1-DCD4B742476E}" dt="2023-04-10T02:22:25.717" v="2072"/>
          <ac:spMkLst>
            <pc:docMk/>
            <pc:sldMk cId="3474005615" sldId="905"/>
            <ac:spMk id="9" creationId="{8AF5C6C5-6572-4FC6-9585-A1135A83EC75}"/>
          </ac:spMkLst>
        </pc:spChg>
        <pc:picChg chg="add mod">
          <ac:chgData name="yechangqing" userId="9869b692-37df-47ec-97b9-0debc9dd442f" providerId="ADAL" clId="{56478C88-6D6D-41C9-98F1-DCD4B742476E}" dt="2023-04-09T13:55:29.594" v="2020" actId="552"/>
          <ac:picMkLst>
            <pc:docMk/>
            <pc:sldMk cId="3474005615" sldId="905"/>
            <ac:picMk id="4" creationId="{A1C9C360-479B-48A0-8A8D-13534FD51B26}"/>
          </ac:picMkLst>
        </pc:picChg>
        <pc:picChg chg="add mod">
          <ac:chgData name="yechangqing" userId="9869b692-37df-47ec-97b9-0debc9dd442f" providerId="ADAL" clId="{56478C88-6D6D-41C9-98F1-DCD4B742476E}" dt="2023-04-09T13:54:49.173" v="2009" actId="1076"/>
          <ac:picMkLst>
            <pc:docMk/>
            <pc:sldMk cId="3474005615" sldId="905"/>
            <ac:picMk id="6" creationId="{419AA086-7C79-4149-BABE-D2E79EE712F2}"/>
          </ac:picMkLst>
        </pc:picChg>
        <pc:picChg chg="add mod">
          <ac:chgData name="yechangqing" userId="9869b692-37df-47ec-97b9-0debc9dd442f" providerId="ADAL" clId="{56478C88-6D6D-41C9-98F1-DCD4B742476E}" dt="2023-04-09T13:55:29.594" v="2020" actId="552"/>
          <ac:picMkLst>
            <pc:docMk/>
            <pc:sldMk cId="3474005615" sldId="905"/>
            <ac:picMk id="8" creationId="{AC2A9AA5-531C-4398-9FE6-BF1BFD0B8BE8}"/>
          </ac:picMkLst>
        </pc:picChg>
      </pc:sldChg>
      <pc:sldChg chg="addSp delSp modSp new mod">
        <pc:chgData name="yechangqing" userId="9869b692-37df-47ec-97b9-0debc9dd442f" providerId="ADAL" clId="{56478C88-6D6D-41C9-98F1-DCD4B742476E}" dt="2023-04-10T09:01:31.146" v="2157" actId="1076"/>
        <pc:sldMkLst>
          <pc:docMk/>
          <pc:sldMk cId="375530592" sldId="906"/>
        </pc:sldMkLst>
        <pc:spChg chg="mod">
          <ac:chgData name="yechangqing" userId="9869b692-37df-47ec-97b9-0debc9dd442f" providerId="ADAL" clId="{56478C88-6D6D-41C9-98F1-DCD4B742476E}" dt="2023-04-09T14:11:12.162" v="2066"/>
          <ac:spMkLst>
            <pc:docMk/>
            <pc:sldMk cId="375530592" sldId="906"/>
            <ac:spMk id="3" creationId="{2035579D-6BF1-4672-B221-B3CA5ABE082A}"/>
          </ac:spMkLst>
        </pc:spChg>
        <pc:spChg chg="add mod">
          <ac:chgData name="yechangqing" userId="9869b692-37df-47ec-97b9-0debc9dd442f" providerId="ADAL" clId="{56478C88-6D6D-41C9-98F1-DCD4B742476E}" dt="2023-04-10T09:00:43.830" v="2152"/>
          <ac:spMkLst>
            <pc:docMk/>
            <pc:sldMk cId="375530592" sldId="906"/>
            <ac:spMk id="6" creationId="{B04FBD59-8C7E-4067-A87C-943BC48C4E59}"/>
          </ac:spMkLst>
        </pc:spChg>
        <pc:picChg chg="add mod">
          <ac:chgData name="yechangqing" userId="9869b692-37df-47ec-97b9-0debc9dd442f" providerId="ADAL" clId="{56478C88-6D6D-41C9-98F1-DCD4B742476E}" dt="2023-04-10T09:00:40.835" v="2150" actId="1076"/>
          <ac:picMkLst>
            <pc:docMk/>
            <pc:sldMk cId="375530592" sldId="906"/>
            <ac:picMk id="5" creationId="{510D3CEF-46C2-474C-85B2-D5566926B38A}"/>
          </ac:picMkLst>
        </pc:picChg>
        <pc:picChg chg="add del mod">
          <ac:chgData name="yechangqing" userId="9869b692-37df-47ec-97b9-0debc9dd442f" providerId="ADAL" clId="{56478C88-6D6D-41C9-98F1-DCD4B742476E}" dt="2023-04-10T09:01:15.250" v="2155" actId="478"/>
          <ac:picMkLst>
            <pc:docMk/>
            <pc:sldMk cId="375530592" sldId="906"/>
            <ac:picMk id="8" creationId="{52BC5C75-8879-4CDD-818F-BDFDABF91F97}"/>
          </ac:picMkLst>
        </pc:picChg>
        <pc:picChg chg="add mod">
          <ac:chgData name="yechangqing" userId="9869b692-37df-47ec-97b9-0debc9dd442f" providerId="ADAL" clId="{56478C88-6D6D-41C9-98F1-DCD4B742476E}" dt="2023-04-10T09:01:31.146" v="2157" actId="1076"/>
          <ac:picMkLst>
            <pc:docMk/>
            <pc:sldMk cId="375530592" sldId="906"/>
            <ac:picMk id="10" creationId="{06033667-F8F0-4834-B4A2-9E429AA2FF86}"/>
          </ac:picMkLst>
        </pc:picChg>
      </pc:sldChg>
      <pc:sldChg chg="new del">
        <pc:chgData name="yechangqing" userId="9869b692-37df-47ec-97b9-0debc9dd442f" providerId="ADAL" clId="{56478C88-6D6D-41C9-98F1-DCD4B742476E}" dt="2023-04-09T13:28:51.876" v="1995" actId="680"/>
        <pc:sldMkLst>
          <pc:docMk/>
          <pc:sldMk cId="3558183304" sldId="906"/>
        </pc:sldMkLst>
      </pc:sldChg>
      <pc:sldChg chg="modSp add mod">
        <pc:chgData name="yechangqing" userId="9869b692-37df-47ec-97b9-0debc9dd442f" providerId="ADAL" clId="{56478C88-6D6D-41C9-98F1-DCD4B742476E}" dt="2023-04-10T09:02:33.661" v="2174" actId="207"/>
        <pc:sldMkLst>
          <pc:docMk/>
          <pc:sldMk cId="2042319463" sldId="907"/>
        </pc:sldMkLst>
        <pc:spChg chg="mod">
          <ac:chgData name="yechangqing" userId="9869b692-37df-47ec-97b9-0debc9dd442f" providerId="ADAL" clId="{56478C88-6D6D-41C9-98F1-DCD4B742476E}" dt="2023-04-10T09:02:33.661" v="2174" actId="207"/>
          <ac:spMkLst>
            <pc:docMk/>
            <pc:sldMk cId="2042319463" sldId="907"/>
            <ac:spMk id="4" creationId="{6DFC154B-EDF7-48AE-BFE0-59D76A176C29}"/>
          </ac:spMkLst>
        </pc:spChg>
      </pc:sldChg>
      <pc:sldChg chg="modSp new del mod">
        <pc:chgData name="yechangqing" userId="9869b692-37df-47ec-97b9-0debc9dd442f" providerId="ADAL" clId="{56478C88-6D6D-41C9-98F1-DCD4B742476E}" dt="2023-04-10T07:36:52.323" v="2094" actId="47"/>
        <pc:sldMkLst>
          <pc:docMk/>
          <pc:sldMk cId="2613586619" sldId="907"/>
        </pc:sldMkLst>
        <pc:spChg chg="mod">
          <ac:chgData name="yechangqing" userId="9869b692-37df-47ec-97b9-0debc9dd442f" providerId="ADAL" clId="{56478C88-6D6D-41C9-98F1-DCD4B742476E}" dt="2023-04-10T07:10:39.884" v="2091"/>
          <ac:spMkLst>
            <pc:docMk/>
            <pc:sldMk cId="2613586619" sldId="907"/>
            <ac:spMk id="3" creationId="{BA20E312-F061-4E77-A0DD-7AB4D73534E5}"/>
          </ac:spMkLst>
        </pc:spChg>
      </pc:sldChg>
      <pc:sldChg chg="modSp add mod">
        <pc:chgData name="yechangqing" userId="9869b692-37df-47ec-97b9-0debc9dd442f" providerId="ADAL" clId="{56478C88-6D6D-41C9-98F1-DCD4B742476E}" dt="2023-04-10T09:02:50.699" v="2180" actId="108"/>
        <pc:sldMkLst>
          <pc:docMk/>
          <pc:sldMk cId="1123058633" sldId="908"/>
        </pc:sldMkLst>
        <pc:spChg chg="mod">
          <ac:chgData name="yechangqing" userId="9869b692-37df-47ec-97b9-0debc9dd442f" providerId="ADAL" clId="{56478C88-6D6D-41C9-98F1-DCD4B742476E}" dt="2023-04-10T09:02:50.699" v="2180" actId="108"/>
          <ac:spMkLst>
            <pc:docMk/>
            <pc:sldMk cId="1123058633" sldId="908"/>
            <ac:spMk id="4" creationId="{6DFC154B-EDF7-48AE-BFE0-59D76A176C29}"/>
          </ac:spMkLst>
        </pc:spChg>
      </pc:sldChg>
      <pc:sldChg chg="addSp modSp new mod">
        <pc:chgData name="yechangqing" userId="9869b692-37df-47ec-97b9-0debc9dd442f" providerId="ADAL" clId="{56478C88-6D6D-41C9-98F1-DCD4B742476E}" dt="2023-04-11T05:41:37.130" v="2400"/>
        <pc:sldMkLst>
          <pc:docMk/>
          <pc:sldMk cId="1639516676" sldId="909"/>
        </pc:sldMkLst>
        <pc:spChg chg="mod">
          <ac:chgData name="yechangqing" userId="9869b692-37df-47ec-97b9-0debc9dd442f" providerId="ADAL" clId="{56478C88-6D6D-41C9-98F1-DCD4B742476E}" dt="2023-04-10T09:03:22.877" v="2185"/>
          <ac:spMkLst>
            <pc:docMk/>
            <pc:sldMk cId="1639516676" sldId="909"/>
            <ac:spMk id="3" creationId="{A4EB3C61-6036-4F80-8DB0-8B182CC9A07D}"/>
          </ac:spMkLst>
        </pc:spChg>
        <pc:spChg chg="add mod">
          <ac:chgData name="yechangqing" userId="9869b692-37df-47ec-97b9-0debc9dd442f" providerId="ADAL" clId="{56478C88-6D6D-41C9-98F1-DCD4B742476E}" dt="2023-04-11T05:41:37.130" v="2400"/>
          <ac:spMkLst>
            <pc:docMk/>
            <pc:sldMk cId="1639516676" sldId="909"/>
            <ac:spMk id="4" creationId="{0065E9FA-861F-46EC-A98B-D6AF42661B82}"/>
          </ac:spMkLst>
        </pc:spChg>
        <pc:picChg chg="add mod">
          <ac:chgData name="yechangqing" userId="9869b692-37df-47ec-97b9-0debc9dd442f" providerId="ADAL" clId="{56478C88-6D6D-41C9-98F1-DCD4B742476E}" dt="2023-04-10T12:37:25.370" v="2279" actId="1076"/>
          <ac:picMkLst>
            <pc:docMk/>
            <pc:sldMk cId="1639516676" sldId="909"/>
            <ac:picMk id="6" creationId="{E756E0DF-9453-469F-B2A4-76FAEDB9FC91}"/>
          </ac:picMkLst>
        </pc:picChg>
      </pc:sldChg>
      <pc:sldChg chg="addSp modSp new mod">
        <pc:chgData name="yechangqing" userId="9869b692-37df-47ec-97b9-0debc9dd442f" providerId="ADAL" clId="{56478C88-6D6D-41C9-98F1-DCD4B742476E}" dt="2023-04-11T08:27:19.950" v="2445" actId="122"/>
        <pc:sldMkLst>
          <pc:docMk/>
          <pc:sldMk cId="1825993768" sldId="910"/>
        </pc:sldMkLst>
        <pc:spChg chg="mod">
          <ac:chgData name="yechangqing" userId="9869b692-37df-47ec-97b9-0debc9dd442f" providerId="ADAL" clId="{56478C88-6D6D-41C9-98F1-DCD4B742476E}" dt="2023-04-10T12:38:29.599" v="2284"/>
          <ac:spMkLst>
            <pc:docMk/>
            <pc:sldMk cId="1825993768" sldId="910"/>
            <ac:spMk id="3" creationId="{0376108C-49B3-40F1-977F-DAEE2AF5A43B}"/>
          </ac:spMkLst>
        </pc:spChg>
        <pc:graphicFrameChg chg="add mod modGraphic">
          <ac:chgData name="yechangqing" userId="9869b692-37df-47ec-97b9-0debc9dd442f" providerId="ADAL" clId="{56478C88-6D6D-41C9-98F1-DCD4B742476E}" dt="2023-04-11T08:27:19.950" v="2445" actId="122"/>
          <ac:graphicFrameMkLst>
            <pc:docMk/>
            <pc:sldMk cId="1825993768" sldId="910"/>
            <ac:graphicFrameMk id="4" creationId="{888C0917-44E5-4263-A0B1-C0D5A85FF377}"/>
          </ac:graphicFrameMkLst>
        </pc:graphicFrameChg>
      </pc:sldChg>
      <pc:sldChg chg="modSp new mod">
        <pc:chgData name="yechangqing" userId="9869b692-37df-47ec-97b9-0debc9dd442f" providerId="ADAL" clId="{56478C88-6D6D-41C9-98F1-DCD4B742476E}" dt="2023-04-11T08:32:13.608" v="2454"/>
        <pc:sldMkLst>
          <pc:docMk/>
          <pc:sldMk cId="2630991616" sldId="911"/>
        </pc:sldMkLst>
        <pc:spChg chg="mod">
          <ac:chgData name="yechangqing" userId="9869b692-37df-47ec-97b9-0debc9dd442f" providerId="ADAL" clId="{56478C88-6D6D-41C9-98F1-DCD4B742476E}" dt="2023-04-11T08:32:13.608" v="2454"/>
          <ac:spMkLst>
            <pc:docMk/>
            <pc:sldMk cId="2630991616" sldId="911"/>
            <ac:spMk id="3" creationId="{3D109F68-C5DB-4F53-AF57-CF3FDC286A29}"/>
          </ac:spMkLst>
        </pc:spChg>
      </pc:sldChg>
    </pc:docChg>
  </pc:docChgLst>
  <pc:docChgLst>
    <pc:chgData name="yechangqing" userId="9869b692-37df-47ec-97b9-0debc9dd442f" providerId="ADAL" clId="{1376788C-D1C9-42DF-ABB2-C31539E99CCA}"/>
    <pc:docChg chg="undo redo custSel addSld delSld modSld">
      <pc:chgData name="yechangqing" userId="9869b692-37df-47ec-97b9-0debc9dd442f" providerId="ADAL" clId="{1376788C-D1C9-42DF-ABB2-C31539E99CCA}" dt="2023-10-10T08:42:01.270" v="1477" actId="1076"/>
      <pc:docMkLst>
        <pc:docMk/>
      </pc:docMkLst>
      <pc:sldChg chg="modSp mod">
        <pc:chgData name="yechangqing" userId="9869b692-37df-47ec-97b9-0debc9dd442f" providerId="ADAL" clId="{1376788C-D1C9-42DF-ABB2-C31539E99CCA}" dt="2023-10-09T08:23:06.809" v="7" actId="20577"/>
        <pc:sldMkLst>
          <pc:docMk/>
          <pc:sldMk cId="0" sldId="258"/>
        </pc:sldMkLst>
        <pc:spChg chg="mod">
          <ac:chgData name="yechangqing" userId="9869b692-37df-47ec-97b9-0debc9dd442f" providerId="ADAL" clId="{1376788C-D1C9-42DF-ABB2-C31539E99CCA}" dt="2023-10-09T08:23:06.809" v="7" actId="20577"/>
          <ac:spMkLst>
            <pc:docMk/>
            <pc:sldMk cId="0" sldId="258"/>
            <ac:spMk id="3076" creationId="{E2B2CE97-30DD-4DCC-9817-F5778BBFDA7C}"/>
          </ac:spMkLst>
        </pc:spChg>
      </pc:sldChg>
      <pc:sldChg chg="modSp mod">
        <pc:chgData name="yechangqing" userId="9869b692-37df-47ec-97b9-0debc9dd442f" providerId="ADAL" clId="{1376788C-D1C9-42DF-ABB2-C31539E99CCA}" dt="2023-10-09T08:44:55.436" v="94" actId="1076"/>
        <pc:sldMkLst>
          <pc:docMk/>
          <pc:sldMk cId="1486186027" sldId="1026"/>
        </pc:sldMkLst>
        <pc:spChg chg="mod">
          <ac:chgData name="yechangqing" userId="9869b692-37df-47ec-97b9-0debc9dd442f" providerId="ADAL" clId="{1376788C-D1C9-42DF-ABB2-C31539E99CCA}" dt="2023-10-09T08:44:55.436" v="94" actId="1076"/>
          <ac:spMkLst>
            <pc:docMk/>
            <pc:sldMk cId="1486186027" sldId="1026"/>
            <ac:spMk id="4" creationId="{F4BF395B-31C8-45FD-BB36-744E25A6BAD9}"/>
          </ac:spMkLst>
        </pc:spChg>
      </pc:sldChg>
      <pc:sldChg chg="addSp delSp modSp new mod">
        <pc:chgData name="yechangqing" userId="9869b692-37df-47ec-97b9-0debc9dd442f" providerId="ADAL" clId="{1376788C-D1C9-42DF-ABB2-C31539E99CCA}" dt="2023-10-10T05:55:21.656" v="693" actId="1036"/>
        <pc:sldMkLst>
          <pc:docMk/>
          <pc:sldMk cId="1581895031" sldId="1027"/>
        </pc:sldMkLst>
        <pc:spChg chg="mod">
          <ac:chgData name="yechangqing" userId="9869b692-37df-47ec-97b9-0debc9dd442f" providerId="ADAL" clId="{1376788C-D1C9-42DF-ABB2-C31539E99CCA}" dt="2023-10-09T08:47:19.755" v="111" actId="20577"/>
          <ac:spMkLst>
            <pc:docMk/>
            <pc:sldMk cId="1581895031" sldId="1027"/>
            <ac:spMk id="3" creationId="{D3C99B43-1354-4695-B595-FF2898EC45A0}"/>
          </ac:spMkLst>
        </pc:spChg>
        <pc:spChg chg="add del">
          <ac:chgData name="yechangqing" userId="9869b692-37df-47ec-97b9-0debc9dd442f" providerId="ADAL" clId="{1376788C-D1C9-42DF-ABB2-C31539E99CCA}" dt="2023-10-09T08:55:45.079" v="122" actId="22"/>
          <ac:spMkLst>
            <pc:docMk/>
            <pc:sldMk cId="1581895031" sldId="1027"/>
            <ac:spMk id="7" creationId="{EFEBBC6D-9DA7-47FA-BD21-A62749A7852A}"/>
          </ac:spMkLst>
        </pc:spChg>
        <pc:spChg chg="add del">
          <ac:chgData name="yechangqing" userId="9869b692-37df-47ec-97b9-0debc9dd442f" providerId="ADAL" clId="{1376788C-D1C9-42DF-ABB2-C31539E99CCA}" dt="2023-10-09T08:55:47.603" v="124" actId="22"/>
          <ac:spMkLst>
            <pc:docMk/>
            <pc:sldMk cId="1581895031" sldId="1027"/>
            <ac:spMk id="9" creationId="{57157372-1E52-4932-B29D-B043E1D886A9}"/>
          </ac:spMkLst>
        </pc:spChg>
        <pc:spChg chg="add del">
          <ac:chgData name="yechangqing" userId="9869b692-37df-47ec-97b9-0debc9dd442f" providerId="ADAL" clId="{1376788C-D1C9-42DF-ABB2-C31539E99CCA}" dt="2023-10-09T08:55:50.013" v="126" actId="22"/>
          <ac:spMkLst>
            <pc:docMk/>
            <pc:sldMk cId="1581895031" sldId="1027"/>
            <ac:spMk id="11" creationId="{78491566-477D-4BB7-A21D-8D9DACD3E808}"/>
          </ac:spMkLst>
        </pc:spChg>
        <pc:spChg chg="add mod">
          <ac:chgData name="yechangqing" userId="9869b692-37df-47ec-97b9-0debc9dd442f" providerId="ADAL" clId="{1376788C-D1C9-42DF-ABB2-C31539E99CCA}" dt="2023-10-09T09:01:34.959" v="232" actId="1035"/>
          <ac:spMkLst>
            <pc:docMk/>
            <pc:sldMk cId="1581895031" sldId="1027"/>
            <ac:spMk id="13" creationId="{5D9ADEBB-2B89-4EAC-9627-8AB05B2F9F65}"/>
          </ac:spMkLst>
        </pc:spChg>
        <pc:spChg chg="add del">
          <ac:chgData name="yechangqing" userId="9869b692-37df-47ec-97b9-0debc9dd442f" providerId="ADAL" clId="{1376788C-D1C9-42DF-ABB2-C31539E99CCA}" dt="2023-10-09T08:57:58.368" v="151" actId="22"/>
          <ac:spMkLst>
            <pc:docMk/>
            <pc:sldMk cId="1581895031" sldId="1027"/>
            <ac:spMk id="17" creationId="{01F2C5AC-52F6-4600-8DD2-A00DB774D41F}"/>
          </ac:spMkLst>
        </pc:spChg>
        <pc:spChg chg="add mod">
          <ac:chgData name="yechangqing" userId="9869b692-37df-47ec-97b9-0debc9dd442f" providerId="ADAL" clId="{1376788C-D1C9-42DF-ABB2-C31539E99CCA}" dt="2023-10-09T09:01:34.959" v="232" actId="1035"/>
          <ac:spMkLst>
            <pc:docMk/>
            <pc:sldMk cId="1581895031" sldId="1027"/>
            <ac:spMk id="19" creationId="{CD27CB9E-9C5D-4F9B-BF0A-8C28199374C7}"/>
          </ac:spMkLst>
        </pc:spChg>
        <pc:spChg chg="add mod">
          <ac:chgData name="yechangqing" userId="9869b692-37df-47ec-97b9-0debc9dd442f" providerId="ADAL" clId="{1376788C-D1C9-42DF-ABB2-C31539E99CCA}" dt="2023-10-10T05:55:21.656" v="693" actId="1036"/>
          <ac:spMkLst>
            <pc:docMk/>
            <pc:sldMk cId="1581895031" sldId="1027"/>
            <ac:spMk id="21" creationId="{21D6B505-334C-4158-900E-E687BAABB126}"/>
          </ac:spMkLst>
        </pc:spChg>
        <pc:spChg chg="add mod">
          <ac:chgData name="yechangqing" userId="9869b692-37df-47ec-97b9-0debc9dd442f" providerId="ADAL" clId="{1376788C-D1C9-42DF-ABB2-C31539E99CCA}" dt="2023-10-09T09:01:55.051" v="273" actId="20577"/>
          <ac:spMkLst>
            <pc:docMk/>
            <pc:sldMk cId="1581895031" sldId="1027"/>
            <ac:spMk id="22" creationId="{19532056-A03A-4AD0-9D11-0CDC06C9B776}"/>
          </ac:spMkLst>
        </pc:spChg>
        <pc:spChg chg="add mod">
          <ac:chgData name="yechangqing" userId="9869b692-37df-47ec-97b9-0debc9dd442f" providerId="ADAL" clId="{1376788C-D1C9-42DF-ABB2-C31539E99CCA}" dt="2023-10-09T12:02:36.658" v="507" actId="1076"/>
          <ac:spMkLst>
            <pc:docMk/>
            <pc:sldMk cId="1581895031" sldId="1027"/>
            <ac:spMk id="23" creationId="{124B7ACB-2883-4DEB-A91E-2A3A17A4003C}"/>
          </ac:spMkLst>
        </pc:spChg>
        <pc:picChg chg="add mod">
          <ac:chgData name="yechangqing" userId="9869b692-37df-47ec-97b9-0debc9dd442f" providerId="ADAL" clId="{1376788C-D1C9-42DF-ABB2-C31539E99CCA}" dt="2023-10-09T09:04:25.461" v="293" actId="1076"/>
          <ac:picMkLst>
            <pc:docMk/>
            <pc:sldMk cId="1581895031" sldId="1027"/>
            <ac:picMk id="5" creationId="{D5BD13AA-8759-49C6-81F2-59C118BF4D73}"/>
          </ac:picMkLst>
        </pc:picChg>
        <pc:picChg chg="add del mod modCrop">
          <ac:chgData name="yechangqing" userId="9869b692-37df-47ec-97b9-0debc9dd442f" providerId="ADAL" clId="{1376788C-D1C9-42DF-ABB2-C31539E99CCA}" dt="2023-10-10T05:52:32.134" v="688" actId="478"/>
          <ac:picMkLst>
            <pc:docMk/>
            <pc:sldMk cId="1581895031" sldId="1027"/>
            <ac:picMk id="15" creationId="{E3024055-BEA1-4358-BEFC-DA2EC00C8D70}"/>
          </ac:picMkLst>
        </pc:picChg>
        <pc:picChg chg="add mod modCrop">
          <ac:chgData name="yechangqing" userId="9869b692-37df-47ec-97b9-0debc9dd442f" providerId="ADAL" clId="{1376788C-D1C9-42DF-ABB2-C31539E99CCA}" dt="2023-10-10T05:52:37.535" v="690" actId="1076"/>
          <ac:picMkLst>
            <pc:docMk/>
            <pc:sldMk cId="1581895031" sldId="1027"/>
            <ac:picMk id="25" creationId="{9FE9A2B6-10D5-47F7-8FF7-3CE73A8A5872}"/>
          </ac:picMkLst>
        </pc:picChg>
      </pc:sldChg>
      <pc:sldChg chg="addSp delSp modSp add mod">
        <pc:chgData name="yechangqing" userId="9869b692-37df-47ec-97b9-0debc9dd442f" providerId="ADAL" clId="{1376788C-D1C9-42DF-ABB2-C31539E99CCA}" dt="2023-10-10T07:11:17.652" v="930" actId="20577"/>
        <pc:sldMkLst>
          <pc:docMk/>
          <pc:sldMk cId="287502113" sldId="1028"/>
        </pc:sldMkLst>
        <pc:spChg chg="mod">
          <ac:chgData name="yechangqing" userId="9869b692-37df-47ec-97b9-0debc9dd442f" providerId="ADAL" clId="{1376788C-D1C9-42DF-ABB2-C31539E99CCA}" dt="2023-10-09T09:04:08.991" v="290" actId="20577"/>
          <ac:spMkLst>
            <pc:docMk/>
            <pc:sldMk cId="287502113" sldId="1028"/>
            <ac:spMk id="3" creationId="{D3C99B43-1354-4695-B595-FF2898EC45A0}"/>
          </ac:spMkLst>
        </pc:spChg>
        <pc:spChg chg="add mod">
          <ac:chgData name="yechangqing" userId="9869b692-37df-47ec-97b9-0debc9dd442f" providerId="ADAL" clId="{1376788C-D1C9-42DF-ABB2-C31539E99CCA}" dt="2023-10-10T07:11:17.652" v="930" actId="20577"/>
          <ac:spMkLst>
            <pc:docMk/>
            <pc:sldMk cId="287502113" sldId="1028"/>
            <ac:spMk id="12" creationId="{CD79F708-F426-4BB4-B2F0-787A890E77F4}"/>
          </ac:spMkLst>
        </pc:spChg>
        <pc:spChg chg="del">
          <ac:chgData name="yechangqing" userId="9869b692-37df-47ec-97b9-0debc9dd442f" providerId="ADAL" clId="{1376788C-D1C9-42DF-ABB2-C31539E99CCA}" dt="2023-10-09T09:04:35.232" v="296" actId="478"/>
          <ac:spMkLst>
            <pc:docMk/>
            <pc:sldMk cId="287502113" sldId="1028"/>
            <ac:spMk id="13" creationId="{5D9ADEBB-2B89-4EAC-9627-8AB05B2F9F65}"/>
          </ac:spMkLst>
        </pc:spChg>
        <pc:spChg chg="add mod">
          <ac:chgData name="yechangqing" userId="9869b692-37df-47ec-97b9-0debc9dd442f" providerId="ADAL" clId="{1376788C-D1C9-42DF-ABB2-C31539E99CCA}" dt="2023-10-09T12:14:21.215" v="593" actId="14100"/>
          <ac:spMkLst>
            <pc:docMk/>
            <pc:sldMk cId="287502113" sldId="1028"/>
            <ac:spMk id="14" creationId="{8393FF55-F922-441D-9B07-A518CD74FA2B}"/>
          </ac:spMkLst>
        </pc:spChg>
        <pc:spChg chg="del mod">
          <ac:chgData name="yechangqing" userId="9869b692-37df-47ec-97b9-0debc9dd442f" providerId="ADAL" clId="{1376788C-D1C9-42DF-ABB2-C31539E99CCA}" dt="2023-10-09T09:04:39.038" v="298" actId="478"/>
          <ac:spMkLst>
            <pc:docMk/>
            <pc:sldMk cId="287502113" sldId="1028"/>
            <ac:spMk id="19" creationId="{CD27CB9E-9C5D-4F9B-BF0A-8C28199374C7}"/>
          </ac:spMkLst>
        </pc:spChg>
        <pc:spChg chg="del">
          <ac:chgData name="yechangqing" userId="9869b692-37df-47ec-97b9-0debc9dd442f" providerId="ADAL" clId="{1376788C-D1C9-42DF-ABB2-C31539E99CCA}" dt="2023-10-09T09:04:13.356" v="291" actId="478"/>
          <ac:spMkLst>
            <pc:docMk/>
            <pc:sldMk cId="287502113" sldId="1028"/>
            <ac:spMk id="21" creationId="{21D6B505-334C-4158-900E-E687BAABB126}"/>
          </ac:spMkLst>
        </pc:spChg>
        <pc:spChg chg="mod">
          <ac:chgData name="yechangqing" userId="9869b692-37df-47ec-97b9-0debc9dd442f" providerId="ADAL" clId="{1376788C-D1C9-42DF-ABB2-C31539E99CCA}" dt="2023-10-09T09:04:42.984" v="307" actId="20577"/>
          <ac:spMkLst>
            <pc:docMk/>
            <pc:sldMk cId="287502113" sldId="1028"/>
            <ac:spMk id="22" creationId="{19532056-A03A-4AD0-9D11-0CDC06C9B776}"/>
          </ac:spMkLst>
        </pc:spChg>
        <pc:picChg chg="del">
          <ac:chgData name="yechangqing" userId="9869b692-37df-47ec-97b9-0debc9dd442f" providerId="ADAL" clId="{1376788C-D1C9-42DF-ABB2-C31539E99CCA}" dt="2023-10-09T09:03:15.462" v="276" actId="478"/>
          <ac:picMkLst>
            <pc:docMk/>
            <pc:sldMk cId="287502113" sldId="1028"/>
            <ac:picMk id="5" creationId="{D5BD13AA-8759-49C6-81F2-59C118BF4D73}"/>
          </ac:picMkLst>
        </pc:picChg>
        <pc:picChg chg="add mod">
          <ac:chgData name="yechangqing" userId="9869b692-37df-47ec-97b9-0debc9dd442f" providerId="ADAL" clId="{1376788C-D1C9-42DF-ABB2-C31539E99CCA}" dt="2023-10-09T09:04:33.828" v="295" actId="1076"/>
          <ac:picMkLst>
            <pc:docMk/>
            <pc:sldMk cId="287502113" sldId="1028"/>
            <ac:picMk id="6" creationId="{651E1F57-ACBD-4535-B5A9-FF487939D6C3}"/>
          </ac:picMkLst>
        </pc:picChg>
        <pc:picChg chg="add mod">
          <ac:chgData name="yechangqing" userId="9869b692-37df-47ec-97b9-0debc9dd442f" providerId="ADAL" clId="{1376788C-D1C9-42DF-ABB2-C31539E99CCA}" dt="2023-10-09T12:14:30.623" v="595" actId="1076"/>
          <ac:picMkLst>
            <pc:docMk/>
            <pc:sldMk cId="287502113" sldId="1028"/>
            <ac:picMk id="9" creationId="{07F06EE0-3914-46C4-8C39-1077AB7331C7}"/>
          </ac:picMkLst>
        </pc:picChg>
        <pc:picChg chg="del">
          <ac:chgData name="yechangqing" userId="9869b692-37df-47ec-97b9-0debc9dd442f" providerId="ADAL" clId="{1376788C-D1C9-42DF-ABB2-C31539E99CCA}" dt="2023-10-09T09:03:08.885" v="275" actId="478"/>
          <ac:picMkLst>
            <pc:docMk/>
            <pc:sldMk cId="287502113" sldId="1028"/>
            <ac:picMk id="15" creationId="{E3024055-BEA1-4358-BEFC-DA2EC00C8D70}"/>
          </ac:picMkLst>
        </pc:picChg>
      </pc:sldChg>
      <pc:sldChg chg="addSp delSp modSp new mod">
        <pc:chgData name="yechangqing" userId="9869b692-37df-47ec-97b9-0debc9dd442f" providerId="ADAL" clId="{1376788C-D1C9-42DF-ABB2-C31539E99CCA}" dt="2023-10-10T08:03:38.196" v="1427" actId="20577"/>
        <pc:sldMkLst>
          <pc:docMk/>
          <pc:sldMk cId="60568232" sldId="1029"/>
        </pc:sldMkLst>
        <pc:spChg chg="mod">
          <ac:chgData name="yechangqing" userId="9869b692-37df-47ec-97b9-0debc9dd442f" providerId="ADAL" clId="{1376788C-D1C9-42DF-ABB2-C31539E99CCA}" dt="2023-10-09T12:13:28.982" v="579" actId="20577"/>
          <ac:spMkLst>
            <pc:docMk/>
            <pc:sldMk cId="60568232" sldId="1029"/>
            <ac:spMk id="3" creationId="{5B79E66E-56E9-4FC0-9068-8AD8D83AB5AA}"/>
          </ac:spMkLst>
        </pc:spChg>
        <pc:spChg chg="add mod">
          <ac:chgData name="yechangqing" userId="9869b692-37df-47ec-97b9-0debc9dd442f" providerId="ADAL" clId="{1376788C-D1C9-42DF-ABB2-C31539E99CCA}" dt="2023-10-10T07:33:28.785" v="1203" actId="13926"/>
          <ac:spMkLst>
            <pc:docMk/>
            <pc:sldMk cId="60568232" sldId="1029"/>
            <ac:spMk id="5" creationId="{D5FD235E-BDC8-48E6-83BB-89ECD97F5522}"/>
          </ac:spMkLst>
        </pc:spChg>
        <pc:spChg chg="add del">
          <ac:chgData name="yechangqing" userId="9869b692-37df-47ec-97b9-0debc9dd442f" providerId="ADAL" clId="{1376788C-D1C9-42DF-ABB2-C31539E99CCA}" dt="2023-10-10T07:33:10.059" v="1190" actId="22"/>
          <ac:spMkLst>
            <pc:docMk/>
            <pc:sldMk cId="60568232" sldId="1029"/>
            <ac:spMk id="9" creationId="{D93117D9-A5F1-431A-B144-21F6A73DBA0A}"/>
          </ac:spMkLst>
        </pc:spChg>
        <pc:spChg chg="add mod">
          <ac:chgData name="yechangqing" userId="9869b692-37df-47ec-97b9-0debc9dd442f" providerId="ADAL" clId="{1376788C-D1C9-42DF-ABB2-C31539E99CCA}" dt="2023-10-10T07:38:25.162" v="1329" actId="1076"/>
          <ac:spMkLst>
            <pc:docMk/>
            <pc:sldMk cId="60568232" sldId="1029"/>
            <ac:spMk id="12" creationId="{81CF1C95-B678-433F-A0F4-24BAA79384A9}"/>
          </ac:spMkLst>
        </pc:spChg>
        <pc:graphicFrameChg chg="add mod modGraphic">
          <ac:chgData name="yechangqing" userId="9869b692-37df-47ec-97b9-0debc9dd442f" providerId="ADAL" clId="{1376788C-D1C9-42DF-ABB2-C31539E99CCA}" dt="2023-10-10T08:03:38.196" v="1427" actId="20577"/>
          <ac:graphicFrameMkLst>
            <pc:docMk/>
            <pc:sldMk cId="60568232" sldId="1029"/>
            <ac:graphicFrameMk id="4" creationId="{4A47573C-E266-43B2-904C-A4B6B38DC2AA}"/>
          </ac:graphicFrameMkLst>
        </pc:graphicFrameChg>
        <pc:picChg chg="add mod">
          <ac:chgData name="yechangqing" userId="9869b692-37df-47ec-97b9-0debc9dd442f" providerId="ADAL" clId="{1376788C-D1C9-42DF-ABB2-C31539E99CCA}" dt="2023-10-10T07:33:01.696" v="1188" actId="1076"/>
          <ac:picMkLst>
            <pc:docMk/>
            <pc:sldMk cId="60568232" sldId="1029"/>
            <ac:picMk id="7" creationId="{0B22AE34-4043-4362-9BAD-4B4D1C5A0F9D}"/>
          </ac:picMkLst>
        </pc:picChg>
        <pc:picChg chg="add mod">
          <ac:chgData name="yechangqing" userId="9869b692-37df-47ec-97b9-0debc9dd442f" providerId="ADAL" clId="{1376788C-D1C9-42DF-ABB2-C31539E99CCA}" dt="2023-10-10T07:34:27.975" v="1214" actId="1076"/>
          <ac:picMkLst>
            <pc:docMk/>
            <pc:sldMk cId="60568232" sldId="1029"/>
            <ac:picMk id="11" creationId="{32F581AA-E69C-45C4-B15E-414964DFB4AE}"/>
          </ac:picMkLst>
        </pc:picChg>
        <pc:picChg chg="add mod">
          <ac:chgData name="yechangqing" userId="9869b692-37df-47ec-97b9-0debc9dd442f" providerId="ADAL" clId="{1376788C-D1C9-42DF-ABB2-C31539E99CCA}" dt="2023-10-10T07:38:26.462" v="1330" actId="1076"/>
          <ac:picMkLst>
            <pc:docMk/>
            <pc:sldMk cId="60568232" sldId="1029"/>
            <ac:picMk id="14" creationId="{256A5177-ABD2-4ED2-A2C3-FF7693232483}"/>
          </ac:picMkLst>
        </pc:picChg>
      </pc:sldChg>
      <pc:sldChg chg="addSp delSp modSp new mod">
        <pc:chgData name="yechangqing" userId="9869b692-37df-47ec-97b9-0debc9dd442f" providerId="ADAL" clId="{1376788C-D1C9-42DF-ABB2-C31539E99CCA}" dt="2023-10-10T08:42:01.270" v="1477" actId="1076"/>
        <pc:sldMkLst>
          <pc:docMk/>
          <pc:sldMk cId="2939366491" sldId="1030"/>
        </pc:sldMkLst>
        <pc:spChg chg="mod">
          <ac:chgData name="yechangqing" userId="9869b692-37df-47ec-97b9-0debc9dd442f" providerId="ADAL" clId="{1376788C-D1C9-42DF-ABB2-C31539E99CCA}" dt="2023-10-09T12:13:38.796" v="590" actId="20577"/>
          <ac:spMkLst>
            <pc:docMk/>
            <pc:sldMk cId="2939366491" sldId="1030"/>
            <ac:spMk id="3" creationId="{992E1E58-8ADA-40F2-B61C-6BBB9D2483B6}"/>
          </ac:spMkLst>
        </pc:spChg>
        <pc:spChg chg="add del mod">
          <ac:chgData name="yechangqing" userId="9869b692-37df-47ec-97b9-0debc9dd442f" providerId="ADAL" clId="{1376788C-D1C9-42DF-ABB2-C31539E99CCA}" dt="2023-10-10T06:02:28.178" v="823" actId="478"/>
          <ac:spMkLst>
            <pc:docMk/>
            <pc:sldMk cId="2939366491" sldId="1030"/>
            <ac:spMk id="4" creationId="{0137F4AA-3A55-4D64-AF34-2E42FE1D60CE}"/>
          </ac:spMkLst>
        </pc:spChg>
        <pc:spChg chg="add mod">
          <ac:chgData name="yechangqing" userId="9869b692-37df-47ec-97b9-0debc9dd442f" providerId="ADAL" clId="{1376788C-D1C9-42DF-ABB2-C31539E99CCA}" dt="2023-10-10T08:42:01.270" v="1477" actId="1076"/>
          <ac:spMkLst>
            <pc:docMk/>
            <pc:sldMk cId="2939366491" sldId="1030"/>
            <ac:spMk id="8" creationId="{CA10A5EA-041D-46B5-9A48-54C2F614347A}"/>
          </ac:spMkLst>
        </pc:spChg>
        <pc:graphicFrameChg chg="add del mod modGraphic">
          <ac:chgData name="yechangqing" userId="9869b692-37df-47ec-97b9-0debc9dd442f" providerId="ADAL" clId="{1376788C-D1C9-42DF-ABB2-C31539E99CCA}" dt="2023-10-10T08:04:47.858" v="1430" actId="478"/>
          <ac:graphicFrameMkLst>
            <pc:docMk/>
            <pc:sldMk cId="2939366491" sldId="1030"/>
            <ac:graphicFrameMk id="7" creationId="{795CEB16-FF64-4BA4-A9C1-D9397A8DE105}"/>
          </ac:graphicFrameMkLst>
        </pc:graphicFrameChg>
        <pc:picChg chg="add mod">
          <ac:chgData name="yechangqing" userId="9869b692-37df-47ec-97b9-0debc9dd442f" providerId="ADAL" clId="{1376788C-D1C9-42DF-ABB2-C31539E99CCA}" dt="2023-10-10T08:13:16.257" v="1450" actId="1076"/>
          <ac:picMkLst>
            <pc:docMk/>
            <pc:sldMk cId="2939366491" sldId="1030"/>
            <ac:picMk id="6" creationId="{10C027DB-674E-4EE0-BD79-9603F854E16B}"/>
          </ac:picMkLst>
        </pc:picChg>
        <pc:picChg chg="add mod ord">
          <ac:chgData name="yechangqing" userId="9869b692-37df-47ec-97b9-0debc9dd442f" providerId="ADAL" clId="{1376788C-D1C9-42DF-ABB2-C31539E99CCA}" dt="2023-10-10T08:13:13.593" v="1449" actId="1076"/>
          <ac:picMkLst>
            <pc:docMk/>
            <pc:sldMk cId="2939366491" sldId="1030"/>
            <ac:picMk id="10" creationId="{DE49CF63-EDD1-485E-9035-007A14A5FD6F}"/>
          </ac:picMkLst>
        </pc:picChg>
      </pc:sldChg>
      <pc:sldChg chg="addSp delSp modSp new mod">
        <pc:chgData name="yechangqing" userId="9869b692-37df-47ec-97b9-0debc9dd442f" providerId="ADAL" clId="{1376788C-D1C9-42DF-ABB2-C31539E99CCA}" dt="2023-10-10T08:16:28.693" v="1456" actId="1076"/>
        <pc:sldMkLst>
          <pc:docMk/>
          <pc:sldMk cId="73289798" sldId="1031"/>
        </pc:sldMkLst>
        <pc:spChg chg="mod">
          <ac:chgData name="yechangqing" userId="9869b692-37df-47ec-97b9-0debc9dd442f" providerId="ADAL" clId="{1376788C-D1C9-42DF-ABB2-C31539E99CCA}" dt="2023-10-10T07:38:41.851" v="1356" actId="20577"/>
          <ac:spMkLst>
            <pc:docMk/>
            <pc:sldMk cId="73289798" sldId="1031"/>
            <ac:spMk id="3" creationId="{38DF0BDA-0547-43EF-B863-8300450841AF}"/>
          </ac:spMkLst>
        </pc:spChg>
        <pc:spChg chg="add del mod">
          <ac:chgData name="yechangqing" userId="9869b692-37df-47ec-97b9-0debc9dd442f" providerId="ADAL" clId="{1376788C-D1C9-42DF-ABB2-C31539E99CCA}" dt="2023-10-10T08:16:24.143" v="1452" actId="478"/>
          <ac:spMkLst>
            <pc:docMk/>
            <pc:sldMk cId="73289798" sldId="1031"/>
            <ac:spMk id="5" creationId="{A22A6C6F-43D1-492C-BABC-C8723B997D39}"/>
          </ac:spMkLst>
        </pc:spChg>
        <pc:picChg chg="add mod">
          <ac:chgData name="yechangqing" userId="9869b692-37df-47ec-97b9-0debc9dd442f" providerId="ADAL" clId="{1376788C-D1C9-42DF-ABB2-C31539E99CCA}" dt="2023-10-10T07:38:50.304" v="1360" actId="1076"/>
          <ac:picMkLst>
            <pc:docMk/>
            <pc:sldMk cId="73289798" sldId="1031"/>
            <ac:picMk id="4" creationId="{586B30D8-982F-4DDD-A95E-2A4C0E43BAF6}"/>
          </ac:picMkLst>
        </pc:picChg>
        <pc:picChg chg="add mod">
          <ac:chgData name="yechangqing" userId="9869b692-37df-47ec-97b9-0debc9dd442f" providerId="ADAL" clId="{1376788C-D1C9-42DF-ABB2-C31539E99CCA}" dt="2023-10-10T08:16:28.693" v="1456" actId="1076"/>
          <ac:picMkLst>
            <pc:docMk/>
            <pc:sldMk cId="73289798" sldId="1031"/>
            <ac:picMk id="7" creationId="{26ED4EE4-FF8C-46E7-B5FD-3CF942906410}"/>
          </ac:picMkLst>
        </pc:picChg>
      </pc:sldChg>
      <pc:sldChg chg="del">
        <pc:chgData name="yechangqing" userId="9869b692-37df-47ec-97b9-0debc9dd442f" providerId="ADAL" clId="{1376788C-D1C9-42DF-ABB2-C31539E99CCA}" dt="2023-10-09T08:44:20.518" v="60" actId="47"/>
        <pc:sldMkLst>
          <pc:docMk/>
          <pc:sldMk cId="3723363159" sldId="1049"/>
        </pc:sldMkLst>
      </pc:sldChg>
      <pc:sldChg chg="del">
        <pc:chgData name="yechangqing" userId="9869b692-37df-47ec-97b9-0debc9dd442f" providerId="ADAL" clId="{1376788C-D1C9-42DF-ABB2-C31539E99CCA}" dt="2023-10-09T08:44:20.727" v="61" actId="47"/>
        <pc:sldMkLst>
          <pc:docMk/>
          <pc:sldMk cId="2710208098" sldId="1056"/>
        </pc:sldMkLst>
      </pc:sldChg>
      <pc:sldChg chg="del">
        <pc:chgData name="yechangqing" userId="9869b692-37df-47ec-97b9-0debc9dd442f" providerId="ADAL" clId="{1376788C-D1C9-42DF-ABB2-C31539E99CCA}" dt="2023-10-09T08:44:20.915" v="62" actId="47"/>
        <pc:sldMkLst>
          <pc:docMk/>
          <pc:sldMk cId="1622058299" sldId="1057"/>
        </pc:sldMkLst>
      </pc:sldChg>
      <pc:sldChg chg="del">
        <pc:chgData name="yechangqing" userId="9869b692-37df-47ec-97b9-0debc9dd442f" providerId="ADAL" clId="{1376788C-D1C9-42DF-ABB2-C31539E99CCA}" dt="2023-10-09T08:44:21.418" v="65" actId="47"/>
        <pc:sldMkLst>
          <pc:docMk/>
          <pc:sldMk cId="2496779683" sldId="1059"/>
        </pc:sldMkLst>
      </pc:sldChg>
      <pc:sldChg chg="del">
        <pc:chgData name="yechangqing" userId="9869b692-37df-47ec-97b9-0debc9dd442f" providerId="ADAL" clId="{1376788C-D1C9-42DF-ABB2-C31539E99CCA}" dt="2023-10-09T08:44:21.905" v="66" actId="47"/>
        <pc:sldMkLst>
          <pc:docMk/>
          <pc:sldMk cId="113586543" sldId="1060"/>
        </pc:sldMkLst>
      </pc:sldChg>
      <pc:sldChg chg="del">
        <pc:chgData name="yechangqing" userId="9869b692-37df-47ec-97b9-0debc9dd442f" providerId="ADAL" clId="{1376788C-D1C9-42DF-ABB2-C31539E99CCA}" dt="2023-10-09T08:44:22.362" v="67" actId="47"/>
        <pc:sldMkLst>
          <pc:docMk/>
          <pc:sldMk cId="1917789370" sldId="1061"/>
        </pc:sldMkLst>
      </pc:sldChg>
      <pc:sldChg chg="del">
        <pc:chgData name="yechangqing" userId="9869b692-37df-47ec-97b9-0debc9dd442f" providerId="ADAL" clId="{1376788C-D1C9-42DF-ABB2-C31539E99CCA}" dt="2023-10-09T08:44:21.264" v="64" actId="47"/>
        <pc:sldMkLst>
          <pc:docMk/>
          <pc:sldMk cId="474300692" sldId="1063"/>
        </pc:sldMkLst>
      </pc:sldChg>
      <pc:sldChg chg="del">
        <pc:chgData name="yechangqing" userId="9869b692-37df-47ec-97b9-0debc9dd442f" providerId="ADAL" clId="{1376788C-D1C9-42DF-ABB2-C31539E99CCA}" dt="2023-10-09T08:44:25.948" v="68" actId="47"/>
        <pc:sldMkLst>
          <pc:docMk/>
          <pc:sldMk cId="569632952" sldId="1064"/>
        </pc:sldMkLst>
      </pc:sldChg>
      <pc:sldChg chg="del">
        <pc:chgData name="yechangqing" userId="9869b692-37df-47ec-97b9-0debc9dd442f" providerId="ADAL" clId="{1376788C-D1C9-42DF-ABB2-C31539E99CCA}" dt="2023-10-09T08:44:21.102" v="63" actId="47"/>
        <pc:sldMkLst>
          <pc:docMk/>
          <pc:sldMk cId="2172706184" sldId="1066"/>
        </pc:sldMkLst>
      </pc:sldChg>
      <pc:sldChg chg="del">
        <pc:chgData name="yechangqing" userId="9869b692-37df-47ec-97b9-0debc9dd442f" providerId="ADAL" clId="{1376788C-D1C9-42DF-ABB2-C31539E99CCA}" dt="2023-10-09T08:44:26.104" v="69" actId="47"/>
        <pc:sldMkLst>
          <pc:docMk/>
          <pc:sldMk cId="1852318968" sldId="1067"/>
        </pc:sldMkLst>
      </pc:sldChg>
    </pc:docChg>
  </pc:docChgLst>
</pc:chgInfo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页眉占位符 1">
            <a:extLst>
              <a:ext uri="{FF2B5EF4-FFF2-40B4-BE49-F238E27FC236}">
                <a16:creationId xmlns:a16="http://schemas.microsoft.com/office/drawing/2014/main" id="{409B3C11-F805-4C3D-B9B8-752E9494D35F}"/>
              </a:ext>
            </a:extLst>
          </p:cNvPr>
          <p:cNvSpPr>
            <a:spLocks noGrp="1"/>
          </p:cNvSpPr>
          <p:nvPr>
            <p:ph type="hdr" sz="quarter"/>
          </p:nvPr>
        </p:nvSpPr>
        <p:spPr>
          <a:xfrm>
            <a:off x="0" y="0"/>
            <a:ext cx="2943596" cy="497976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zh-CN" altLang="en-US"/>
          </a:p>
        </p:txBody>
      </p:sp>
      <p:sp>
        <p:nvSpPr>
          <p:cNvPr id="3" name="日期占位符 2">
            <a:extLst>
              <a:ext uri="{FF2B5EF4-FFF2-40B4-BE49-F238E27FC236}">
                <a16:creationId xmlns:a16="http://schemas.microsoft.com/office/drawing/2014/main" id="{FD5A85D1-4FA1-4E48-AC75-56CE810179CF}"/>
              </a:ext>
            </a:extLst>
          </p:cNvPr>
          <p:cNvSpPr>
            <a:spLocks noGrp="1"/>
          </p:cNvSpPr>
          <p:nvPr>
            <p:ph type="dt" sz="quarter" idx="1"/>
          </p:nvPr>
        </p:nvSpPr>
        <p:spPr>
          <a:xfrm>
            <a:off x="3847745" y="0"/>
            <a:ext cx="2943596" cy="497976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D032DBAE-07B3-4811-AC70-5CD08B07C79A}" type="datetimeFigureOut">
              <a:rPr lang="zh-CN" altLang="en-US" smtClean="0"/>
              <a:t>2025/6/16</a:t>
            </a:fld>
            <a:endParaRPr lang="zh-CN" altLang="en-US"/>
          </a:p>
        </p:txBody>
      </p:sp>
      <p:sp>
        <p:nvSpPr>
          <p:cNvPr id="4" name="页脚占位符 3">
            <a:extLst>
              <a:ext uri="{FF2B5EF4-FFF2-40B4-BE49-F238E27FC236}">
                <a16:creationId xmlns:a16="http://schemas.microsoft.com/office/drawing/2014/main" id="{6B965668-4C6A-4879-8D96-399A01EADBC2}"/>
              </a:ext>
            </a:extLst>
          </p:cNvPr>
          <p:cNvSpPr>
            <a:spLocks noGrp="1"/>
          </p:cNvSpPr>
          <p:nvPr>
            <p:ph type="ftr" sz="quarter" idx="2"/>
          </p:nvPr>
        </p:nvSpPr>
        <p:spPr>
          <a:xfrm>
            <a:off x="0" y="9427076"/>
            <a:ext cx="2943596" cy="497975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zh-CN" altLang="en-US"/>
          </a:p>
        </p:txBody>
      </p:sp>
      <p:sp>
        <p:nvSpPr>
          <p:cNvPr id="5" name="灯片编号占位符 4">
            <a:extLst>
              <a:ext uri="{FF2B5EF4-FFF2-40B4-BE49-F238E27FC236}">
                <a16:creationId xmlns:a16="http://schemas.microsoft.com/office/drawing/2014/main" id="{6B486C0A-2161-431B-8BC4-0048994DB6D6}"/>
              </a:ext>
            </a:extLst>
          </p:cNvPr>
          <p:cNvSpPr>
            <a:spLocks noGrp="1"/>
          </p:cNvSpPr>
          <p:nvPr>
            <p:ph type="sldNum" sz="quarter" idx="3"/>
          </p:nvPr>
        </p:nvSpPr>
        <p:spPr>
          <a:xfrm>
            <a:off x="3847745" y="9427076"/>
            <a:ext cx="2943596" cy="497975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56CCF8C8-E817-4D99-A4D5-E1B58232D367}" type="slidenum">
              <a:rPr lang="zh-CN" altLang="en-US" smtClean="0"/>
              <a:t>‹#›</a:t>
            </a:fld>
            <a:endParaRPr lang="zh-CN" altLang="en-US"/>
          </a:p>
        </p:txBody>
      </p:sp>
    </p:spTree>
    <p:extLst>
      <p:ext uri="{BB962C8B-B14F-4D97-AF65-F5344CB8AC3E}">
        <p14:creationId xmlns:p14="http://schemas.microsoft.com/office/powerpoint/2010/main" val="9304593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页眉占位符 1">
            <a:extLst>
              <a:ext uri="{FF2B5EF4-FFF2-40B4-BE49-F238E27FC236}">
                <a16:creationId xmlns:a16="http://schemas.microsoft.com/office/drawing/2014/main" id="{0B81A020-D781-4672-BA54-ABD7001C275C}"/>
              </a:ext>
            </a:extLst>
          </p:cNvPr>
          <p:cNvSpPr>
            <a:spLocks noGrp="1"/>
          </p:cNvSpPr>
          <p:nvPr>
            <p:ph type="hdr" sz="quarter"/>
          </p:nvPr>
        </p:nvSpPr>
        <p:spPr>
          <a:xfrm>
            <a:off x="0" y="0"/>
            <a:ext cx="2943596" cy="497976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pPr>
              <a:defRPr/>
            </a:pPr>
            <a:endParaRPr lang="zh-CN" altLang="en-US"/>
          </a:p>
        </p:txBody>
      </p:sp>
      <p:sp>
        <p:nvSpPr>
          <p:cNvPr id="3" name="日期占位符 2">
            <a:extLst>
              <a:ext uri="{FF2B5EF4-FFF2-40B4-BE49-F238E27FC236}">
                <a16:creationId xmlns:a16="http://schemas.microsoft.com/office/drawing/2014/main" id="{B23EE2D2-A42B-4EA8-A6E2-21B8CFFEE99D}"/>
              </a:ext>
            </a:extLst>
          </p:cNvPr>
          <p:cNvSpPr>
            <a:spLocks noGrp="1"/>
          </p:cNvSpPr>
          <p:nvPr>
            <p:ph type="dt" idx="1"/>
          </p:nvPr>
        </p:nvSpPr>
        <p:spPr>
          <a:xfrm>
            <a:off x="3847745" y="0"/>
            <a:ext cx="2943596" cy="497976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pPr>
              <a:defRPr/>
            </a:pPr>
            <a:fld id="{E00688EF-04A8-4DA9-97EE-1D7B6287A4F1}" type="datetimeFigureOut">
              <a:rPr lang="zh-CN" altLang="en-US"/>
              <a:pPr>
                <a:defRPr/>
              </a:pPr>
              <a:t>2025/6/16</a:t>
            </a:fld>
            <a:endParaRPr lang="zh-CN" altLang="en-US"/>
          </a:p>
        </p:txBody>
      </p:sp>
      <p:sp>
        <p:nvSpPr>
          <p:cNvPr id="4" name="幻灯片图像占位符 3">
            <a:extLst>
              <a:ext uri="{FF2B5EF4-FFF2-40B4-BE49-F238E27FC236}">
                <a16:creationId xmlns:a16="http://schemas.microsoft.com/office/drawing/2014/main" id="{7E3F9AEB-5FCC-40FB-B809-DBA64CD28BB2}"/>
              </a:ext>
            </a:extLst>
          </p:cNvPr>
          <p:cNvSpPr>
            <a:spLocks noGrp="1" noRot="1" noChangeAspect="1"/>
          </p:cNvSpPr>
          <p:nvPr>
            <p:ph type="sldImg" idx="2"/>
          </p:nvPr>
        </p:nvSpPr>
        <p:spPr>
          <a:xfrm>
            <a:off x="1163638" y="1239838"/>
            <a:ext cx="4465637" cy="3351212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pPr lvl="0"/>
            <a:endParaRPr lang="zh-CN" altLang="en-US" noProof="0"/>
          </a:p>
        </p:txBody>
      </p:sp>
      <p:sp>
        <p:nvSpPr>
          <p:cNvPr id="5" name="备注占位符 4">
            <a:extLst>
              <a:ext uri="{FF2B5EF4-FFF2-40B4-BE49-F238E27FC236}">
                <a16:creationId xmlns:a16="http://schemas.microsoft.com/office/drawing/2014/main" id="{CD219B32-0C7D-43E5-A1A6-6402D8322737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79292" y="4776431"/>
            <a:ext cx="5434330" cy="3907988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zh-CN" altLang="en-US" noProof="0"/>
              <a:t>单击此处编辑母版文本样式</a:t>
            </a:r>
          </a:p>
          <a:p>
            <a:pPr lvl="1"/>
            <a:r>
              <a:rPr lang="zh-CN" altLang="en-US" noProof="0"/>
              <a:t>二级</a:t>
            </a:r>
          </a:p>
          <a:p>
            <a:pPr lvl="2"/>
            <a:r>
              <a:rPr lang="zh-CN" altLang="en-US" noProof="0"/>
              <a:t>三级</a:t>
            </a:r>
          </a:p>
          <a:p>
            <a:pPr lvl="3"/>
            <a:r>
              <a:rPr lang="zh-CN" altLang="en-US" noProof="0"/>
              <a:t>四级</a:t>
            </a:r>
          </a:p>
          <a:p>
            <a:pPr lvl="4"/>
            <a:r>
              <a:rPr lang="zh-CN" altLang="en-US" noProof="0"/>
              <a:t>五级</a:t>
            </a:r>
          </a:p>
        </p:txBody>
      </p:sp>
      <p:sp>
        <p:nvSpPr>
          <p:cNvPr id="6" name="页脚占位符 5">
            <a:extLst>
              <a:ext uri="{FF2B5EF4-FFF2-40B4-BE49-F238E27FC236}">
                <a16:creationId xmlns:a16="http://schemas.microsoft.com/office/drawing/2014/main" id="{51BA2490-8EBA-4D74-8B34-F46176D0EE11}"/>
              </a:ext>
            </a:extLst>
          </p:cNvPr>
          <p:cNvSpPr>
            <a:spLocks noGrp="1"/>
          </p:cNvSpPr>
          <p:nvPr>
            <p:ph type="ftr" sz="quarter" idx="4"/>
          </p:nvPr>
        </p:nvSpPr>
        <p:spPr>
          <a:xfrm>
            <a:off x="0" y="9427076"/>
            <a:ext cx="2943596" cy="497975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pPr>
              <a:defRPr/>
            </a:pPr>
            <a:endParaRPr lang="zh-CN" altLang="en-US"/>
          </a:p>
        </p:txBody>
      </p:sp>
      <p:sp>
        <p:nvSpPr>
          <p:cNvPr id="7" name="灯片编号占位符 6">
            <a:extLst>
              <a:ext uri="{FF2B5EF4-FFF2-40B4-BE49-F238E27FC236}">
                <a16:creationId xmlns:a16="http://schemas.microsoft.com/office/drawing/2014/main" id="{7ACB40F5-D785-4BC8-9F88-EE2EB0C3A993}"/>
              </a:ext>
            </a:extLst>
          </p:cNvPr>
          <p:cNvSpPr>
            <a:spLocks noGrp="1"/>
          </p:cNvSpPr>
          <p:nvPr>
            <p:ph type="sldNum" sz="quarter" idx="5"/>
          </p:nvPr>
        </p:nvSpPr>
        <p:spPr>
          <a:xfrm>
            <a:off x="3847745" y="9427076"/>
            <a:ext cx="2943596" cy="497975"/>
          </a:xfrm>
          <a:prstGeom prst="rect">
            <a:avLst/>
          </a:prstGeom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defRPr sz="1200"/>
            </a:lvl1pPr>
          </a:lstStyle>
          <a:p>
            <a:pPr>
              <a:defRPr/>
            </a:pPr>
            <a:fld id="{14AB2B21-51AE-4EEE-A1A4-F8380AC81888}" type="slidenum">
              <a:rPr lang="zh-CN" altLang="en-US"/>
              <a:pPr>
                <a:defRPr/>
              </a:pPr>
              <a:t>‹#›</a:t>
            </a:fld>
            <a:endParaRPr lang="zh-CN" altLang="en-US"/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notesStyle>
    <a:lvl1pPr algn="l" rtl="0" eaLnBrk="0" fontAlgn="base" hangingPunct="0">
      <a:spcBef>
        <a:spcPct val="30000"/>
      </a:spcBef>
      <a:spcAft>
        <a:spcPct val="0"/>
      </a:spcAft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rtl="0" eaLnBrk="0" fontAlgn="base" hangingPunct="0">
      <a:spcBef>
        <a:spcPct val="30000"/>
      </a:spcBef>
      <a:spcAft>
        <a:spcPct val="0"/>
      </a:spcAft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rtl="0" eaLnBrk="0" fontAlgn="base" hangingPunct="0">
      <a:spcBef>
        <a:spcPct val="30000"/>
      </a:spcBef>
      <a:spcAft>
        <a:spcPct val="0"/>
      </a:spcAft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rtl="0" eaLnBrk="0" fontAlgn="base" hangingPunct="0">
      <a:spcBef>
        <a:spcPct val="30000"/>
      </a:spcBef>
      <a:spcAft>
        <a:spcPct val="0"/>
      </a:spcAft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rtl="0" eaLnBrk="0" fontAlgn="base" hangingPunct="0">
      <a:spcBef>
        <a:spcPct val="30000"/>
      </a:spcBef>
      <a:spcAft>
        <a:spcPct val="0"/>
      </a:spcAft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9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幻灯片图像占位符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备注占位符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zh-CN" altLang="en-US" dirty="0"/>
          </a:p>
        </p:txBody>
      </p:sp>
      <p:sp>
        <p:nvSpPr>
          <p:cNvPr id="4" name="灯片编号占位符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14AB2B21-51AE-4EEE-A1A4-F8380AC81888}" type="slidenum">
              <a:rPr lang="zh-CN" altLang="en-US" smtClean="0"/>
              <a:pPr>
                <a:defRPr/>
              </a:pPr>
              <a:t>1</a:t>
            </a:fld>
            <a:endParaRPr lang="zh-CN" altLang="en-US"/>
          </a:p>
        </p:txBody>
      </p:sp>
    </p:spTree>
    <p:extLst>
      <p:ext uri="{BB962C8B-B14F-4D97-AF65-F5344CB8AC3E}">
        <p14:creationId xmlns:p14="http://schemas.microsoft.com/office/powerpoint/2010/main" val="1237103516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幻灯片图像占位符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备注占位符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zh-CN" altLang="en-US" dirty="0"/>
          </a:p>
        </p:txBody>
      </p:sp>
      <p:sp>
        <p:nvSpPr>
          <p:cNvPr id="4" name="灯片编号占位符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14AB2B21-51AE-4EEE-A1A4-F8380AC81888}" type="slidenum">
              <a:rPr lang="zh-CN" altLang="en-US" smtClean="0"/>
              <a:pPr>
                <a:defRPr/>
              </a:pPr>
              <a:t>2</a:t>
            </a:fld>
            <a:endParaRPr lang="zh-CN" altLang="en-US"/>
          </a:p>
        </p:txBody>
      </p:sp>
    </p:spTree>
    <p:extLst>
      <p:ext uri="{BB962C8B-B14F-4D97-AF65-F5344CB8AC3E}">
        <p14:creationId xmlns:p14="http://schemas.microsoft.com/office/powerpoint/2010/main" val="3007267789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幻灯片图像占位符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备注占位符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zh-CN" altLang="en-US" dirty="0"/>
              <a:t>另一款</a:t>
            </a:r>
            <a:r>
              <a:rPr lang="en-US" altLang="zh-CN" dirty="0"/>
              <a:t>ADC 16 bits</a:t>
            </a:r>
            <a:r>
              <a:rPr lang="zh-CN" altLang="en-US" dirty="0"/>
              <a:t>并行输出</a:t>
            </a:r>
            <a:endParaRPr lang="en-US" altLang="zh-CN" dirty="0"/>
          </a:p>
        </p:txBody>
      </p:sp>
      <p:sp>
        <p:nvSpPr>
          <p:cNvPr id="4" name="灯片编号占位符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14AB2B21-51AE-4EEE-A1A4-F8380AC81888}" type="slidenum">
              <a:rPr lang="zh-CN" altLang="en-US" smtClean="0"/>
              <a:pPr>
                <a:defRPr/>
              </a:pPr>
              <a:t>9</a:t>
            </a:fld>
            <a:endParaRPr lang="zh-CN" altLang="en-US"/>
          </a:p>
        </p:txBody>
      </p:sp>
    </p:spTree>
    <p:extLst>
      <p:ext uri="{BB962C8B-B14F-4D97-AF65-F5344CB8AC3E}">
        <p14:creationId xmlns:p14="http://schemas.microsoft.com/office/powerpoint/2010/main" val="2730289696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jpe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标题幻灯片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标题 1">
            <a:extLst>
              <a:ext uri="{FF2B5EF4-FFF2-40B4-BE49-F238E27FC236}">
                <a16:creationId xmlns:a16="http://schemas.microsoft.com/office/drawing/2014/main" id="{A6F81F87-3656-48AB-9014-9E3519E1D676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143000" y="1122363"/>
            <a:ext cx="6858000" cy="2387600"/>
          </a:xfrm>
        </p:spPr>
        <p:txBody>
          <a:bodyPr anchor="b"/>
          <a:lstStyle>
            <a:lvl1pPr algn="ctr">
              <a:defRPr sz="4500"/>
            </a:lvl1pPr>
          </a:lstStyle>
          <a:p>
            <a:r>
              <a:rPr lang="zh-CN" altLang="en-US"/>
              <a:t>单击此处编辑母版标题样式</a:t>
            </a:r>
          </a:p>
        </p:txBody>
      </p:sp>
      <p:sp>
        <p:nvSpPr>
          <p:cNvPr id="3" name="副标题 2">
            <a:extLst>
              <a:ext uri="{FF2B5EF4-FFF2-40B4-BE49-F238E27FC236}">
                <a16:creationId xmlns:a16="http://schemas.microsoft.com/office/drawing/2014/main" id="{AA6449F1-A1A1-4340-BEE6-378C3C43D22D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143000" y="3602038"/>
            <a:ext cx="6858000" cy="1655762"/>
          </a:xfrm>
        </p:spPr>
        <p:txBody>
          <a:bodyPr/>
          <a:lstStyle>
            <a:lvl1pPr marL="0" indent="0" algn="ctr">
              <a:buNone/>
              <a:defRPr sz="1800"/>
            </a:lvl1pPr>
            <a:lvl2pPr marL="342900" indent="0" algn="ctr">
              <a:buNone/>
              <a:defRPr sz="1500"/>
            </a:lvl2pPr>
            <a:lvl3pPr marL="685800" indent="0" algn="ctr">
              <a:buNone/>
              <a:defRPr sz="1350"/>
            </a:lvl3pPr>
            <a:lvl4pPr marL="1028700" indent="0" algn="ctr">
              <a:buNone/>
              <a:defRPr sz="1200"/>
            </a:lvl4pPr>
            <a:lvl5pPr marL="1371600" indent="0" algn="ctr">
              <a:buNone/>
              <a:defRPr sz="1200"/>
            </a:lvl5pPr>
            <a:lvl6pPr marL="1714500" indent="0" algn="ctr">
              <a:buNone/>
              <a:defRPr sz="1200"/>
            </a:lvl6pPr>
            <a:lvl7pPr marL="2057400" indent="0" algn="ctr">
              <a:buNone/>
              <a:defRPr sz="1200"/>
            </a:lvl7pPr>
            <a:lvl8pPr marL="2400300" indent="0" algn="ctr">
              <a:buNone/>
              <a:defRPr sz="1200"/>
            </a:lvl8pPr>
            <a:lvl9pPr marL="2743200" indent="0" algn="ctr">
              <a:buNone/>
              <a:defRPr sz="1200"/>
            </a:lvl9pPr>
          </a:lstStyle>
          <a:p>
            <a:r>
              <a:rPr lang="zh-CN" altLang="en-US"/>
              <a:t>单击此处编辑母版副标题样式</a:t>
            </a:r>
          </a:p>
        </p:txBody>
      </p:sp>
      <p:sp>
        <p:nvSpPr>
          <p:cNvPr id="4" name="日期占位符 3">
            <a:extLst>
              <a:ext uri="{FF2B5EF4-FFF2-40B4-BE49-F238E27FC236}">
                <a16:creationId xmlns:a16="http://schemas.microsoft.com/office/drawing/2014/main" id="{E82EA2E3-E792-44B1-9C12-EAC8D7DA6C2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>
              <a:defRPr/>
            </a:pPr>
            <a:endParaRPr lang="en-US" altLang="zh-CN" dirty="0"/>
          </a:p>
        </p:txBody>
      </p:sp>
      <p:sp>
        <p:nvSpPr>
          <p:cNvPr id="5" name="页脚占位符 4">
            <a:extLst>
              <a:ext uri="{FF2B5EF4-FFF2-40B4-BE49-F238E27FC236}">
                <a16:creationId xmlns:a16="http://schemas.microsoft.com/office/drawing/2014/main" id="{736F20ED-ACC7-476D-87B9-07469AA7BEC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>
              <a:defRPr/>
            </a:pPr>
            <a:endParaRPr lang="en-US" altLang="zh-CN" dirty="0"/>
          </a:p>
        </p:txBody>
      </p:sp>
      <p:sp>
        <p:nvSpPr>
          <p:cNvPr id="6" name="灯片编号占位符 5">
            <a:extLst>
              <a:ext uri="{FF2B5EF4-FFF2-40B4-BE49-F238E27FC236}">
                <a16:creationId xmlns:a16="http://schemas.microsoft.com/office/drawing/2014/main" id="{64BED3E8-BAFC-4B0E-8E44-3CCC9E3021D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330181D9-487F-424F-A4D5-93BA9AD789F5}" type="slidenum">
              <a:rPr lang="en-US" altLang="zh-CN" smtClean="0"/>
              <a:pPr>
                <a:defRPr/>
              </a:pPr>
              <a:t>‹#›</a:t>
            </a:fld>
            <a:endParaRPr lang="en-US" altLang="zh-CN" dirty="0"/>
          </a:p>
        </p:txBody>
      </p:sp>
    </p:spTree>
    <p:extLst>
      <p:ext uri="{BB962C8B-B14F-4D97-AF65-F5344CB8AC3E}">
        <p14:creationId xmlns:p14="http://schemas.microsoft.com/office/powerpoint/2010/main" val="4253687748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图片与标题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标题 1">
            <a:extLst>
              <a:ext uri="{FF2B5EF4-FFF2-40B4-BE49-F238E27FC236}">
                <a16:creationId xmlns:a16="http://schemas.microsoft.com/office/drawing/2014/main" id="{4949644D-5E54-4C9B-96BA-935A40795A48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29841" y="457200"/>
            <a:ext cx="2949178" cy="1600200"/>
          </a:xfrm>
        </p:spPr>
        <p:txBody>
          <a:bodyPr anchor="b"/>
          <a:lstStyle>
            <a:lvl1pPr>
              <a:defRPr sz="2400"/>
            </a:lvl1pPr>
          </a:lstStyle>
          <a:p>
            <a:r>
              <a:rPr lang="zh-CN" altLang="en-US"/>
              <a:t>单击此处编辑母版标题样式</a:t>
            </a:r>
          </a:p>
        </p:txBody>
      </p:sp>
      <p:sp>
        <p:nvSpPr>
          <p:cNvPr id="3" name="图片占位符 2">
            <a:extLst>
              <a:ext uri="{FF2B5EF4-FFF2-40B4-BE49-F238E27FC236}">
                <a16:creationId xmlns:a16="http://schemas.microsoft.com/office/drawing/2014/main" id="{477F78AA-C8A4-45EE-ABDD-144A88C43A15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3887391" y="987426"/>
            <a:ext cx="4629150" cy="4873625"/>
          </a:xfrm>
        </p:spPr>
        <p:txBody>
          <a:bodyPr/>
          <a:lstStyle>
            <a:lvl1pPr marL="0" indent="0">
              <a:buNone/>
              <a:defRPr sz="2400"/>
            </a:lvl1pPr>
            <a:lvl2pPr marL="342900" indent="0">
              <a:buNone/>
              <a:defRPr sz="2100"/>
            </a:lvl2pPr>
            <a:lvl3pPr marL="685800" indent="0">
              <a:buNone/>
              <a:defRPr sz="1800"/>
            </a:lvl3pPr>
            <a:lvl4pPr marL="1028700" indent="0">
              <a:buNone/>
              <a:defRPr sz="1500"/>
            </a:lvl4pPr>
            <a:lvl5pPr marL="1371600" indent="0">
              <a:buNone/>
              <a:defRPr sz="1500"/>
            </a:lvl5pPr>
            <a:lvl6pPr marL="1714500" indent="0">
              <a:buNone/>
              <a:defRPr sz="1500"/>
            </a:lvl6pPr>
            <a:lvl7pPr marL="2057400" indent="0">
              <a:buNone/>
              <a:defRPr sz="1500"/>
            </a:lvl7pPr>
            <a:lvl8pPr marL="2400300" indent="0">
              <a:buNone/>
              <a:defRPr sz="1500"/>
            </a:lvl8pPr>
            <a:lvl9pPr marL="2743200" indent="0">
              <a:buNone/>
              <a:defRPr sz="1500"/>
            </a:lvl9pPr>
          </a:lstStyle>
          <a:p>
            <a:endParaRPr lang="zh-CN" altLang="en-US"/>
          </a:p>
        </p:txBody>
      </p:sp>
      <p:sp>
        <p:nvSpPr>
          <p:cNvPr id="4" name="文本占位符 3">
            <a:extLst>
              <a:ext uri="{FF2B5EF4-FFF2-40B4-BE49-F238E27FC236}">
                <a16:creationId xmlns:a16="http://schemas.microsoft.com/office/drawing/2014/main" id="{D99AF2BC-DBFB-4196-AED8-34F081F92271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629841" y="2057400"/>
            <a:ext cx="2949178" cy="3811588"/>
          </a:xfrm>
        </p:spPr>
        <p:txBody>
          <a:bodyPr/>
          <a:lstStyle>
            <a:lvl1pPr marL="0" indent="0">
              <a:buNone/>
              <a:defRPr sz="1200"/>
            </a:lvl1pPr>
            <a:lvl2pPr marL="342900" indent="0">
              <a:buNone/>
              <a:defRPr sz="1050"/>
            </a:lvl2pPr>
            <a:lvl3pPr marL="685800" indent="0">
              <a:buNone/>
              <a:defRPr sz="900"/>
            </a:lvl3pPr>
            <a:lvl4pPr marL="1028700" indent="0">
              <a:buNone/>
              <a:defRPr sz="750"/>
            </a:lvl4pPr>
            <a:lvl5pPr marL="1371600" indent="0">
              <a:buNone/>
              <a:defRPr sz="750"/>
            </a:lvl5pPr>
            <a:lvl6pPr marL="1714500" indent="0">
              <a:buNone/>
              <a:defRPr sz="750"/>
            </a:lvl6pPr>
            <a:lvl7pPr marL="2057400" indent="0">
              <a:buNone/>
              <a:defRPr sz="750"/>
            </a:lvl7pPr>
            <a:lvl8pPr marL="2400300" indent="0">
              <a:buNone/>
              <a:defRPr sz="750"/>
            </a:lvl8pPr>
            <a:lvl9pPr marL="2743200" indent="0">
              <a:buNone/>
              <a:defRPr sz="750"/>
            </a:lvl9pPr>
          </a:lstStyle>
          <a:p>
            <a:pPr lvl="0"/>
            <a:r>
              <a:rPr lang="zh-CN" altLang="en-US"/>
              <a:t>编辑母版文本样式</a:t>
            </a:r>
          </a:p>
        </p:txBody>
      </p:sp>
      <p:sp>
        <p:nvSpPr>
          <p:cNvPr id="5" name="日期占位符 4">
            <a:extLst>
              <a:ext uri="{FF2B5EF4-FFF2-40B4-BE49-F238E27FC236}">
                <a16:creationId xmlns:a16="http://schemas.microsoft.com/office/drawing/2014/main" id="{D584E868-4C12-43B9-A254-4F633C906B2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>
              <a:defRPr/>
            </a:pPr>
            <a:endParaRPr lang="en-US" altLang="zh-CN" dirty="0"/>
          </a:p>
        </p:txBody>
      </p:sp>
      <p:sp>
        <p:nvSpPr>
          <p:cNvPr id="6" name="页脚占位符 5">
            <a:extLst>
              <a:ext uri="{FF2B5EF4-FFF2-40B4-BE49-F238E27FC236}">
                <a16:creationId xmlns:a16="http://schemas.microsoft.com/office/drawing/2014/main" id="{511F3D4A-353D-423F-94DC-FF532D205D4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>
              <a:defRPr/>
            </a:pPr>
            <a:endParaRPr lang="en-US" altLang="zh-CN" dirty="0"/>
          </a:p>
        </p:txBody>
      </p:sp>
      <p:sp>
        <p:nvSpPr>
          <p:cNvPr id="7" name="灯片编号占位符 6">
            <a:extLst>
              <a:ext uri="{FF2B5EF4-FFF2-40B4-BE49-F238E27FC236}">
                <a16:creationId xmlns:a16="http://schemas.microsoft.com/office/drawing/2014/main" id="{0D355C76-69FD-4F91-A4DE-D0A213274DE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9EDF84ED-8940-479A-9125-DE6802CCBBB1}" type="slidenum">
              <a:rPr lang="en-US" altLang="zh-CN" smtClean="0"/>
              <a:pPr>
                <a:defRPr/>
              </a:pPr>
              <a:t>‹#›</a:t>
            </a:fld>
            <a:endParaRPr lang="en-US" altLang="zh-CN" dirty="0"/>
          </a:p>
        </p:txBody>
      </p:sp>
    </p:spTree>
    <p:extLst>
      <p:ext uri="{BB962C8B-B14F-4D97-AF65-F5344CB8AC3E}">
        <p14:creationId xmlns:p14="http://schemas.microsoft.com/office/powerpoint/2010/main" val="2833969630"/>
      </p:ext>
    </p:extLst>
  </p:cSld>
  <p:clrMapOvr>
    <a:masterClrMapping/>
  </p:clrMapOvr>
  <p:hf hdr="0" ftr="0" dt="0"/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标题和竖排文字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标题 1">
            <a:extLst>
              <a:ext uri="{FF2B5EF4-FFF2-40B4-BE49-F238E27FC236}">
                <a16:creationId xmlns:a16="http://schemas.microsoft.com/office/drawing/2014/main" id="{EE9330DF-AB01-439C-BDCD-184FA5F00E9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zh-CN" altLang="en-US"/>
              <a:t>单击此处编辑母版标题样式</a:t>
            </a:r>
          </a:p>
        </p:txBody>
      </p:sp>
      <p:sp>
        <p:nvSpPr>
          <p:cNvPr id="3" name="竖排文字占位符 2">
            <a:extLst>
              <a:ext uri="{FF2B5EF4-FFF2-40B4-BE49-F238E27FC236}">
                <a16:creationId xmlns:a16="http://schemas.microsoft.com/office/drawing/2014/main" id="{D3DAB032-124F-4899-9A09-4928847F1F6E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zh-CN" altLang="en-US"/>
              <a:t>编辑母版文本样式</a:t>
            </a:r>
          </a:p>
          <a:p>
            <a:pPr lvl="1"/>
            <a:r>
              <a:rPr lang="zh-CN" altLang="en-US"/>
              <a:t>第二级</a:t>
            </a:r>
          </a:p>
          <a:p>
            <a:pPr lvl="2"/>
            <a:r>
              <a:rPr lang="zh-CN" altLang="en-US"/>
              <a:t>第三级</a:t>
            </a:r>
          </a:p>
          <a:p>
            <a:pPr lvl="3"/>
            <a:r>
              <a:rPr lang="zh-CN" altLang="en-US"/>
              <a:t>第四级</a:t>
            </a:r>
          </a:p>
          <a:p>
            <a:pPr lvl="4"/>
            <a:r>
              <a:rPr lang="zh-CN" altLang="en-US"/>
              <a:t>第五级</a:t>
            </a:r>
          </a:p>
        </p:txBody>
      </p:sp>
      <p:sp>
        <p:nvSpPr>
          <p:cNvPr id="4" name="日期占位符 3">
            <a:extLst>
              <a:ext uri="{FF2B5EF4-FFF2-40B4-BE49-F238E27FC236}">
                <a16:creationId xmlns:a16="http://schemas.microsoft.com/office/drawing/2014/main" id="{14A951B5-882E-4BCC-9563-00616EB6B3C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>
              <a:defRPr/>
            </a:pPr>
            <a:endParaRPr lang="en-US" altLang="zh-CN" dirty="0"/>
          </a:p>
        </p:txBody>
      </p:sp>
      <p:sp>
        <p:nvSpPr>
          <p:cNvPr id="5" name="页脚占位符 4">
            <a:extLst>
              <a:ext uri="{FF2B5EF4-FFF2-40B4-BE49-F238E27FC236}">
                <a16:creationId xmlns:a16="http://schemas.microsoft.com/office/drawing/2014/main" id="{020A1958-5038-438C-A828-55CE92E476F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>
              <a:defRPr/>
            </a:pPr>
            <a:endParaRPr lang="en-US" altLang="zh-CN" dirty="0"/>
          </a:p>
        </p:txBody>
      </p:sp>
      <p:sp>
        <p:nvSpPr>
          <p:cNvPr id="6" name="灯片编号占位符 5">
            <a:extLst>
              <a:ext uri="{FF2B5EF4-FFF2-40B4-BE49-F238E27FC236}">
                <a16:creationId xmlns:a16="http://schemas.microsoft.com/office/drawing/2014/main" id="{1B77E22A-1AF0-4A43-A267-0738B84494C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9EDF84ED-8940-479A-9125-DE6802CCBBB1}" type="slidenum">
              <a:rPr lang="en-US" altLang="zh-CN" smtClean="0"/>
              <a:pPr>
                <a:defRPr/>
              </a:pPr>
              <a:t>‹#›</a:t>
            </a:fld>
            <a:endParaRPr lang="en-US" altLang="zh-CN" dirty="0"/>
          </a:p>
        </p:txBody>
      </p:sp>
    </p:spTree>
    <p:extLst>
      <p:ext uri="{BB962C8B-B14F-4D97-AF65-F5344CB8AC3E}">
        <p14:creationId xmlns:p14="http://schemas.microsoft.com/office/powerpoint/2010/main" val="1970443870"/>
      </p:ext>
    </p:extLst>
  </p:cSld>
  <p:clrMapOvr>
    <a:masterClrMapping/>
  </p:clrMapOvr>
  <p:hf hdr="0" ftr="0" dt="0"/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竖排标题与文本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竖排标题 1">
            <a:extLst>
              <a:ext uri="{FF2B5EF4-FFF2-40B4-BE49-F238E27FC236}">
                <a16:creationId xmlns:a16="http://schemas.microsoft.com/office/drawing/2014/main" id="{58F6BC8D-FA25-406E-87A6-512A92214C46}"/>
              </a:ext>
            </a:extLst>
          </p:cNvPr>
          <p:cNvSpPr>
            <a:spLocks noGrp="1"/>
          </p:cNvSpPr>
          <p:nvPr>
            <p:ph type="title" orient="vert"/>
          </p:nvPr>
        </p:nvSpPr>
        <p:spPr>
          <a:xfrm>
            <a:off x="6543675" y="365125"/>
            <a:ext cx="1971675" cy="5811838"/>
          </a:xfrm>
        </p:spPr>
        <p:txBody>
          <a:bodyPr vert="eaVert"/>
          <a:lstStyle/>
          <a:p>
            <a:r>
              <a:rPr lang="zh-CN" altLang="en-US"/>
              <a:t>单击此处编辑母版标题样式</a:t>
            </a:r>
          </a:p>
        </p:txBody>
      </p:sp>
      <p:sp>
        <p:nvSpPr>
          <p:cNvPr id="3" name="竖排文字占位符 2">
            <a:extLst>
              <a:ext uri="{FF2B5EF4-FFF2-40B4-BE49-F238E27FC236}">
                <a16:creationId xmlns:a16="http://schemas.microsoft.com/office/drawing/2014/main" id="{5D6D06E9-D819-4469-83B9-EF767FDEA2DE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628650" y="365125"/>
            <a:ext cx="5800725" cy="5811838"/>
          </a:xfrm>
        </p:spPr>
        <p:txBody>
          <a:bodyPr vert="eaVert"/>
          <a:lstStyle/>
          <a:p>
            <a:pPr lvl="0"/>
            <a:r>
              <a:rPr lang="zh-CN" altLang="en-US"/>
              <a:t>编辑母版文本样式</a:t>
            </a:r>
          </a:p>
          <a:p>
            <a:pPr lvl="1"/>
            <a:r>
              <a:rPr lang="zh-CN" altLang="en-US"/>
              <a:t>第二级</a:t>
            </a:r>
          </a:p>
          <a:p>
            <a:pPr lvl="2"/>
            <a:r>
              <a:rPr lang="zh-CN" altLang="en-US"/>
              <a:t>第三级</a:t>
            </a:r>
          </a:p>
          <a:p>
            <a:pPr lvl="3"/>
            <a:r>
              <a:rPr lang="zh-CN" altLang="en-US"/>
              <a:t>第四级</a:t>
            </a:r>
          </a:p>
          <a:p>
            <a:pPr lvl="4"/>
            <a:r>
              <a:rPr lang="zh-CN" altLang="en-US"/>
              <a:t>第五级</a:t>
            </a:r>
          </a:p>
        </p:txBody>
      </p:sp>
      <p:sp>
        <p:nvSpPr>
          <p:cNvPr id="4" name="日期占位符 3">
            <a:extLst>
              <a:ext uri="{FF2B5EF4-FFF2-40B4-BE49-F238E27FC236}">
                <a16:creationId xmlns:a16="http://schemas.microsoft.com/office/drawing/2014/main" id="{5A9BE229-70F9-46C9-9C23-D13F3E0C001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>
              <a:defRPr/>
            </a:pPr>
            <a:endParaRPr lang="en-US" altLang="zh-CN" dirty="0"/>
          </a:p>
        </p:txBody>
      </p:sp>
      <p:sp>
        <p:nvSpPr>
          <p:cNvPr id="5" name="页脚占位符 4">
            <a:extLst>
              <a:ext uri="{FF2B5EF4-FFF2-40B4-BE49-F238E27FC236}">
                <a16:creationId xmlns:a16="http://schemas.microsoft.com/office/drawing/2014/main" id="{B702BC56-B600-4640-A2CD-1C14EE0863D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>
              <a:defRPr/>
            </a:pPr>
            <a:endParaRPr lang="en-US" altLang="zh-CN" dirty="0"/>
          </a:p>
        </p:txBody>
      </p:sp>
      <p:sp>
        <p:nvSpPr>
          <p:cNvPr id="6" name="灯片编号占位符 5">
            <a:extLst>
              <a:ext uri="{FF2B5EF4-FFF2-40B4-BE49-F238E27FC236}">
                <a16:creationId xmlns:a16="http://schemas.microsoft.com/office/drawing/2014/main" id="{146CC9A1-C95D-4A78-8512-708949A0279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9EDF84ED-8940-479A-9125-DE6802CCBBB1}" type="slidenum">
              <a:rPr lang="en-US" altLang="zh-CN" smtClean="0"/>
              <a:pPr>
                <a:defRPr/>
              </a:pPr>
              <a:t>‹#›</a:t>
            </a:fld>
            <a:endParaRPr lang="en-US" altLang="zh-CN" dirty="0"/>
          </a:p>
        </p:txBody>
      </p:sp>
    </p:spTree>
    <p:extLst>
      <p:ext uri="{BB962C8B-B14F-4D97-AF65-F5344CB8AC3E}">
        <p14:creationId xmlns:p14="http://schemas.microsoft.com/office/powerpoint/2010/main" val="3467333256"/>
      </p:ext>
    </p:extLst>
  </p:cSld>
  <p:clrMapOvr>
    <a:masterClrMapping/>
  </p:clrMapOvr>
  <p:hf hdr="0" ftr="0" dt="0"/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标题和内容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标题 1">
            <a:extLst>
              <a:ext uri="{FF2B5EF4-FFF2-40B4-BE49-F238E27FC236}">
                <a16:creationId xmlns:a16="http://schemas.microsoft.com/office/drawing/2014/main" id="{99498AAD-E6DB-4F0D-BE69-17D364439183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zh-CN" altLang="en-US"/>
              <a:t>单击此处编辑母版标题样式</a:t>
            </a:r>
          </a:p>
        </p:txBody>
      </p:sp>
      <p:sp>
        <p:nvSpPr>
          <p:cNvPr id="3" name="内容占位符 2">
            <a:extLst>
              <a:ext uri="{FF2B5EF4-FFF2-40B4-BE49-F238E27FC236}">
                <a16:creationId xmlns:a16="http://schemas.microsoft.com/office/drawing/2014/main" id="{B651F035-FB6A-4B26-B3EC-702505AE12F7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zh-CN" altLang="en-US"/>
              <a:t>编辑母版文本样式</a:t>
            </a:r>
          </a:p>
          <a:p>
            <a:pPr lvl="1"/>
            <a:r>
              <a:rPr lang="zh-CN" altLang="en-US"/>
              <a:t>第二级</a:t>
            </a:r>
          </a:p>
          <a:p>
            <a:pPr lvl="2"/>
            <a:r>
              <a:rPr lang="zh-CN" altLang="en-US"/>
              <a:t>第三级</a:t>
            </a:r>
          </a:p>
          <a:p>
            <a:pPr lvl="3"/>
            <a:r>
              <a:rPr lang="zh-CN" altLang="en-US"/>
              <a:t>第四级</a:t>
            </a:r>
          </a:p>
          <a:p>
            <a:pPr lvl="4"/>
            <a:r>
              <a:rPr lang="zh-CN" altLang="en-US"/>
              <a:t>第五级</a:t>
            </a:r>
          </a:p>
        </p:txBody>
      </p:sp>
      <p:sp>
        <p:nvSpPr>
          <p:cNvPr id="4" name="日期占位符 3">
            <a:extLst>
              <a:ext uri="{FF2B5EF4-FFF2-40B4-BE49-F238E27FC236}">
                <a16:creationId xmlns:a16="http://schemas.microsoft.com/office/drawing/2014/main" id="{2014A0C8-A198-416B-BB49-C7F1DE13AFF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>
              <a:defRPr/>
            </a:pPr>
            <a:endParaRPr lang="en-US" altLang="zh-CN" dirty="0"/>
          </a:p>
        </p:txBody>
      </p:sp>
      <p:sp>
        <p:nvSpPr>
          <p:cNvPr id="5" name="页脚占位符 4">
            <a:extLst>
              <a:ext uri="{FF2B5EF4-FFF2-40B4-BE49-F238E27FC236}">
                <a16:creationId xmlns:a16="http://schemas.microsoft.com/office/drawing/2014/main" id="{314E4F9A-19C7-470E-9B2C-3DEEB285B36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>
              <a:defRPr/>
            </a:pPr>
            <a:endParaRPr lang="en-US" altLang="zh-CN" dirty="0"/>
          </a:p>
        </p:txBody>
      </p:sp>
      <p:sp>
        <p:nvSpPr>
          <p:cNvPr id="6" name="灯片编号占位符 5">
            <a:extLst>
              <a:ext uri="{FF2B5EF4-FFF2-40B4-BE49-F238E27FC236}">
                <a16:creationId xmlns:a16="http://schemas.microsoft.com/office/drawing/2014/main" id="{D77C12D0-E88E-434A-994C-0E93E3C768C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9EDF84ED-8940-479A-9125-DE6802CCBBB1}" type="slidenum">
              <a:rPr lang="en-US" altLang="zh-CN" smtClean="0"/>
              <a:pPr>
                <a:defRPr/>
              </a:pPr>
              <a:t>‹#›</a:t>
            </a:fld>
            <a:endParaRPr lang="en-US" altLang="zh-CN" dirty="0"/>
          </a:p>
        </p:txBody>
      </p:sp>
    </p:spTree>
    <p:extLst>
      <p:ext uri="{BB962C8B-B14F-4D97-AF65-F5344CB8AC3E}">
        <p14:creationId xmlns:p14="http://schemas.microsoft.com/office/powerpoint/2010/main" val="108534697"/>
      </p:ext>
    </p:extLst>
  </p:cSld>
  <p:clrMapOvr>
    <a:masterClrMapping/>
  </p:clrMapOvr>
  <p:hf hdr="0" ftr="0" dt="0"/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节标题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标题 1">
            <a:extLst>
              <a:ext uri="{FF2B5EF4-FFF2-40B4-BE49-F238E27FC236}">
                <a16:creationId xmlns:a16="http://schemas.microsoft.com/office/drawing/2014/main" id="{B9E2EEC6-667E-4C9C-81DE-4F8355F7305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23888" y="1709739"/>
            <a:ext cx="7886700" cy="2852737"/>
          </a:xfrm>
        </p:spPr>
        <p:txBody>
          <a:bodyPr anchor="b"/>
          <a:lstStyle>
            <a:lvl1pPr>
              <a:defRPr sz="4500"/>
            </a:lvl1pPr>
          </a:lstStyle>
          <a:p>
            <a:r>
              <a:rPr lang="zh-CN" altLang="en-US"/>
              <a:t>单击此处编辑母版标题样式</a:t>
            </a:r>
          </a:p>
        </p:txBody>
      </p:sp>
      <p:sp>
        <p:nvSpPr>
          <p:cNvPr id="3" name="文本占位符 2">
            <a:extLst>
              <a:ext uri="{FF2B5EF4-FFF2-40B4-BE49-F238E27FC236}">
                <a16:creationId xmlns:a16="http://schemas.microsoft.com/office/drawing/2014/main" id="{EDE96B14-FB7A-4106-9F19-E36C0D749C0B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623888" y="4589464"/>
            <a:ext cx="7886700" cy="1500187"/>
          </a:xfrm>
        </p:spPr>
        <p:txBody>
          <a:bodyPr/>
          <a:lstStyle>
            <a:lvl1pPr marL="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1pPr>
            <a:lvl2pPr marL="342900" indent="0">
              <a:buNone/>
              <a:defRPr sz="1500">
                <a:solidFill>
                  <a:schemeClr val="tx1">
                    <a:tint val="75000"/>
                  </a:schemeClr>
                </a:solidFill>
              </a:defRPr>
            </a:lvl2pPr>
            <a:lvl3pPr marL="685800" indent="0">
              <a:buNone/>
              <a:defRPr sz="1350">
                <a:solidFill>
                  <a:schemeClr val="tx1">
                    <a:tint val="75000"/>
                  </a:schemeClr>
                </a:solidFill>
              </a:defRPr>
            </a:lvl3pPr>
            <a:lvl4pPr marL="1028700" indent="0">
              <a:buNone/>
              <a:defRPr sz="1200">
                <a:solidFill>
                  <a:schemeClr val="tx1">
                    <a:tint val="75000"/>
                  </a:schemeClr>
                </a:solidFill>
              </a:defRPr>
            </a:lvl4pPr>
            <a:lvl5pPr marL="1371600" indent="0">
              <a:buNone/>
              <a:defRPr sz="1200">
                <a:solidFill>
                  <a:schemeClr val="tx1">
                    <a:tint val="75000"/>
                  </a:schemeClr>
                </a:solidFill>
              </a:defRPr>
            </a:lvl5pPr>
            <a:lvl6pPr marL="1714500" indent="0">
              <a:buNone/>
              <a:defRPr sz="1200">
                <a:solidFill>
                  <a:schemeClr val="tx1">
                    <a:tint val="75000"/>
                  </a:schemeClr>
                </a:solidFill>
              </a:defRPr>
            </a:lvl6pPr>
            <a:lvl7pPr marL="2057400" indent="0">
              <a:buNone/>
              <a:defRPr sz="1200">
                <a:solidFill>
                  <a:schemeClr val="tx1">
                    <a:tint val="75000"/>
                  </a:schemeClr>
                </a:solidFill>
              </a:defRPr>
            </a:lvl7pPr>
            <a:lvl8pPr marL="2400300" indent="0">
              <a:buNone/>
              <a:defRPr sz="1200">
                <a:solidFill>
                  <a:schemeClr val="tx1">
                    <a:tint val="75000"/>
                  </a:schemeClr>
                </a:solidFill>
              </a:defRPr>
            </a:lvl8pPr>
            <a:lvl9pPr marL="2743200" indent="0">
              <a:buNone/>
              <a:defRPr sz="12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zh-CN" altLang="en-US"/>
              <a:t>编辑母版文本样式</a:t>
            </a:r>
          </a:p>
        </p:txBody>
      </p:sp>
      <p:sp>
        <p:nvSpPr>
          <p:cNvPr id="4" name="日期占位符 3">
            <a:extLst>
              <a:ext uri="{FF2B5EF4-FFF2-40B4-BE49-F238E27FC236}">
                <a16:creationId xmlns:a16="http://schemas.microsoft.com/office/drawing/2014/main" id="{ACD1A0CE-E429-446A-9806-2E2DC1338AA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>
              <a:defRPr/>
            </a:pPr>
            <a:endParaRPr lang="en-US" altLang="zh-CN" dirty="0"/>
          </a:p>
        </p:txBody>
      </p:sp>
      <p:sp>
        <p:nvSpPr>
          <p:cNvPr id="5" name="页脚占位符 4">
            <a:extLst>
              <a:ext uri="{FF2B5EF4-FFF2-40B4-BE49-F238E27FC236}">
                <a16:creationId xmlns:a16="http://schemas.microsoft.com/office/drawing/2014/main" id="{FA139376-B66C-4CDF-98C5-855A96911EB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>
              <a:defRPr/>
            </a:pPr>
            <a:endParaRPr lang="en-US" altLang="zh-CN" dirty="0"/>
          </a:p>
        </p:txBody>
      </p:sp>
      <p:sp>
        <p:nvSpPr>
          <p:cNvPr id="6" name="灯片编号占位符 5">
            <a:extLst>
              <a:ext uri="{FF2B5EF4-FFF2-40B4-BE49-F238E27FC236}">
                <a16:creationId xmlns:a16="http://schemas.microsoft.com/office/drawing/2014/main" id="{AA498D8F-E820-472C-899F-EA257400ECE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9EDF84ED-8940-479A-9125-DE6802CCBBB1}" type="slidenum">
              <a:rPr lang="en-US" altLang="zh-CN" smtClean="0"/>
              <a:pPr>
                <a:defRPr/>
              </a:pPr>
              <a:t>‹#›</a:t>
            </a:fld>
            <a:endParaRPr lang="en-US" altLang="zh-CN" dirty="0"/>
          </a:p>
        </p:txBody>
      </p:sp>
    </p:spTree>
    <p:extLst>
      <p:ext uri="{BB962C8B-B14F-4D97-AF65-F5344CB8AC3E}">
        <p14:creationId xmlns:p14="http://schemas.microsoft.com/office/powerpoint/2010/main" val="815519629"/>
      </p:ext>
    </p:extLst>
  </p:cSld>
  <p:clrMapOvr>
    <a:masterClrMapping/>
  </p:clrMapOvr>
  <p:hf hdr="0" ftr="0" dt="0"/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两栏内容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标题 1">
            <a:extLst>
              <a:ext uri="{FF2B5EF4-FFF2-40B4-BE49-F238E27FC236}">
                <a16:creationId xmlns:a16="http://schemas.microsoft.com/office/drawing/2014/main" id="{3DB279F0-3E23-410E-9F14-D877396F338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zh-CN" altLang="en-US"/>
              <a:t>单击此处编辑母版标题样式</a:t>
            </a:r>
          </a:p>
        </p:txBody>
      </p:sp>
      <p:sp>
        <p:nvSpPr>
          <p:cNvPr id="3" name="内容占位符 2">
            <a:extLst>
              <a:ext uri="{FF2B5EF4-FFF2-40B4-BE49-F238E27FC236}">
                <a16:creationId xmlns:a16="http://schemas.microsoft.com/office/drawing/2014/main" id="{909CFE51-C81B-458F-912E-E086467D37E7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628650" y="1825625"/>
            <a:ext cx="3886200" cy="4351338"/>
          </a:xfrm>
        </p:spPr>
        <p:txBody>
          <a:bodyPr/>
          <a:lstStyle/>
          <a:p>
            <a:pPr lvl="0"/>
            <a:r>
              <a:rPr lang="zh-CN" altLang="en-US"/>
              <a:t>编辑母版文本样式</a:t>
            </a:r>
          </a:p>
          <a:p>
            <a:pPr lvl="1"/>
            <a:r>
              <a:rPr lang="zh-CN" altLang="en-US"/>
              <a:t>第二级</a:t>
            </a:r>
          </a:p>
          <a:p>
            <a:pPr lvl="2"/>
            <a:r>
              <a:rPr lang="zh-CN" altLang="en-US"/>
              <a:t>第三级</a:t>
            </a:r>
          </a:p>
          <a:p>
            <a:pPr lvl="3"/>
            <a:r>
              <a:rPr lang="zh-CN" altLang="en-US"/>
              <a:t>第四级</a:t>
            </a:r>
          </a:p>
          <a:p>
            <a:pPr lvl="4"/>
            <a:r>
              <a:rPr lang="zh-CN" altLang="en-US"/>
              <a:t>第五级</a:t>
            </a:r>
          </a:p>
        </p:txBody>
      </p:sp>
      <p:sp>
        <p:nvSpPr>
          <p:cNvPr id="4" name="内容占位符 3">
            <a:extLst>
              <a:ext uri="{FF2B5EF4-FFF2-40B4-BE49-F238E27FC236}">
                <a16:creationId xmlns:a16="http://schemas.microsoft.com/office/drawing/2014/main" id="{72B77B75-1744-4F06-8518-9F0D997099CB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4629150" y="1825625"/>
            <a:ext cx="3886200" cy="4351338"/>
          </a:xfrm>
        </p:spPr>
        <p:txBody>
          <a:bodyPr/>
          <a:lstStyle/>
          <a:p>
            <a:pPr lvl="0"/>
            <a:r>
              <a:rPr lang="zh-CN" altLang="en-US"/>
              <a:t>编辑母版文本样式</a:t>
            </a:r>
          </a:p>
          <a:p>
            <a:pPr lvl="1"/>
            <a:r>
              <a:rPr lang="zh-CN" altLang="en-US"/>
              <a:t>第二级</a:t>
            </a:r>
          </a:p>
          <a:p>
            <a:pPr lvl="2"/>
            <a:r>
              <a:rPr lang="zh-CN" altLang="en-US"/>
              <a:t>第三级</a:t>
            </a:r>
          </a:p>
          <a:p>
            <a:pPr lvl="3"/>
            <a:r>
              <a:rPr lang="zh-CN" altLang="en-US"/>
              <a:t>第四级</a:t>
            </a:r>
          </a:p>
          <a:p>
            <a:pPr lvl="4"/>
            <a:r>
              <a:rPr lang="zh-CN" altLang="en-US"/>
              <a:t>第五级</a:t>
            </a:r>
          </a:p>
        </p:txBody>
      </p:sp>
      <p:sp>
        <p:nvSpPr>
          <p:cNvPr id="5" name="日期占位符 4">
            <a:extLst>
              <a:ext uri="{FF2B5EF4-FFF2-40B4-BE49-F238E27FC236}">
                <a16:creationId xmlns:a16="http://schemas.microsoft.com/office/drawing/2014/main" id="{9302D0D2-1210-45E6-BC22-C26E687FDA3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>
              <a:defRPr/>
            </a:pPr>
            <a:endParaRPr lang="en-US" altLang="zh-CN" dirty="0"/>
          </a:p>
        </p:txBody>
      </p:sp>
      <p:sp>
        <p:nvSpPr>
          <p:cNvPr id="6" name="页脚占位符 5">
            <a:extLst>
              <a:ext uri="{FF2B5EF4-FFF2-40B4-BE49-F238E27FC236}">
                <a16:creationId xmlns:a16="http://schemas.microsoft.com/office/drawing/2014/main" id="{488EE33D-4664-4C31-8E80-215F011EA0F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>
              <a:defRPr/>
            </a:pPr>
            <a:endParaRPr lang="en-US" altLang="zh-CN" dirty="0"/>
          </a:p>
        </p:txBody>
      </p:sp>
      <p:sp>
        <p:nvSpPr>
          <p:cNvPr id="7" name="灯片编号占位符 6">
            <a:extLst>
              <a:ext uri="{FF2B5EF4-FFF2-40B4-BE49-F238E27FC236}">
                <a16:creationId xmlns:a16="http://schemas.microsoft.com/office/drawing/2014/main" id="{69F2BC3D-4F5D-43D3-9F17-143784DFBC2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9EDF84ED-8940-479A-9125-DE6802CCBBB1}" type="slidenum">
              <a:rPr lang="en-US" altLang="zh-CN" smtClean="0"/>
              <a:pPr>
                <a:defRPr/>
              </a:pPr>
              <a:t>‹#›</a:t>
            </a:fld>
            <a:endParaRPr lang="en-US" altLang="zh-CN" dirty="0"/>
          </a:p>
        </p:txBody>
      </p:sp>
    </p:spTree>
    <p:extLst>
      <p:ext uri="{BB962C8B-B14F-4D97-AF65-F5344CB8AC3E}">
        <p14:creationId xmlns:p14="http://schemas.microsoft.com/office/powerpoint/2010/main" val="2287081931"/>
      </p:ext>
    </p:extLst>
  </p:cSld>
  <p:clrMapOvr>
    <a:masterClrMapping/>
  </p:clrMapOvr>
  <p:hf hdr="0" ftr="0" dt="0"/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比较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标题 1">
            <a:extLst>
              <a:ext uri="{FF2B5EF4-FFF2-40B4-BE49-F238E27FC236}">
                <a16:creationId xmlns:a16="http://schemas.microsoft.com/office/drawing/2014/main" id="{B857AE3B-5A9B-47F4-9A17-6917B0C9E6BD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29841" y="365126"/>
            <a:ext cx="7886700" cy="1325563"/>
          </a:xfrm>
        </p:spPr>
        <p:txBody>
          <a:bodyPr/>
          <a:lstStyle/>
          <a:p>
            <a:r>
              <a:rPr lang="zh-CN" altLang="en-US"/>
              <a:t>单击此处编辑母版标题样式</a:t>
            </a:r>
          </a:p>
        </p:txBody>
      </p:sp>
      <p:sp>
        <p:nvSpPr>
          <p:cNvPr id="3" name="文本占位符 2">
            <a:extLst>
              <a:ext uri="{FF2B5EF4-FFF2-40B4-BE49-F238E27FC236}">
                <a16:creationId xmlns:a16="http://schemas.microsoft.com/office/drawing/2014/main" id="{2CD9D50F-E60D-4375-AB5B-D11B905749E0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629842" y="1681163"/>
            <a:ext cx="3868340" cy="823912"/>
          </a:xfrm>
        </p:spPr>
        <p:txBody>
          <a:bodyPr anchor="b"/>
          <a:lstStyle>
            <a:lvl1pPr marL="0" indent="0">
              <a:buNone/>
              <a:defRPr sz="1800" b="1"/>
            </a:lvl1pPr>
            <a:lvl2pPr marL="342900" indent="0">
              <a:buNone/>
              <a:defRPr sz="1500" b="1"/>
            </a:lvl2pPr>
            <a:lvl3pPr marL="685800" indent="0">
              <a:buNone/>
              <a:defRPr sz="1350" b="1"/>
            </a:lvl3pPr>
            <a:lvl4pPr marL="1028700" indent="0">
              <a:buNone/>
              <a:defRPr sz="1200" b="1"/>
            </a:lvl4pPr>
            <a:lvl5pPr marL="1371600" indent="0">
              <a:buNone/>
              <a:defRPr sz="1200" b="1"/>
            </a:lvl5pPr>
            <a:lvl6pPr marL="1714500" indent="0">
              <a:buNone/>
              <a:defRPr sz="1200" b="1"/>
            </a:lvl6pPr>
            <a:lvl7pPr marL="2057400" indent="0">
              <a:buNone/>
              <a:defRPr sz="1200" b="1"/>
            </a:lvl7pPr>
            <a:lvl8pPr marL="2400300" indent="0">
              <a:buNone/>
              <a:defRPr sz="1200" b="1"/>
            </a:lvl8pPr>
            <a:lvl9pPr marL="2743200" indent="0">
              <a:buNone/>
              <a:defRPr sz="1200" b="1"/>
            </a:lvl9pPr>
          </a:lstStyle>
          <a:p>
            <a:pPr lvl="0"/>
            <a:r>
              <a:rPr lang="zh-CN" altLang="en-US"/>
              <a:t>编辑母版文本样式</a:t>
            </a:r>
          </a:p>
        </p:txBody>
      </p:sp>
      <p:sp>
        <p:nvSpPr>
          <p:cNvPr id="4" name="内容占位符 3">
            <a:extLst>
              <a:ext uri="{FF2B5EF4-FFF2-40B4-BE49-F238E27FC236}">
                <a16:creationId xmlns:a16="http://schemas.microsoft.com/office/drawing/2014/main" id="{B70BB658-8866-4022-B721-E59414D431B3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29842" y="2505075"/>
            <a:ext cx="3868340" cy="3684588"/>
          </a:xfrm>
        </p:spPr>
        <p:txBody>
          <a:bodyPr/>
          <a:lstStyle/>
          <a:p>
            <a:pPr lvl="0"/>
            <a:r>
              <a:rPr lang="zh-CN" altLang="en-US"/>
              <a:t>编辑母版文本样式</a:t>
            </a:r>
          </a:p>
          <a:p>
            <a:pPr lvl="1"/>
            <a:r>
              <a:rPr lang="zh-CN" altLang="en-US"/>
              <a:t>第二级</a:t>
            </a:r>
          </a:p>
          <a:p>
            <a:pPr lvl="2"/>
            <a:r>
              <a:rPr lang="zh-CN" altLang="en-US"/>
              <a:t>第三级</a:t>
            </a:r>
          </a:p>
          <a:p>
            <a:pPr lvl="3"/>
            <a:r>
              <a:rPr lang="zh-CN" altLang="en-US"/>
              <a:t>第四级</a:t>
            </a:r>
          </a:p>
          <a:p>
            <a:pPr lvl="4"/>
            <a:r>
              <a:rPr lang="zh-CN" altLang="en-US"/>
              <a:t>第五级</a:t>
            </a:r>
          </a:p>
        </p:txBody>
      </p:sp>
      <p:sp>
        <p:nvSpPr>
          <p:cNvPr id="5" name="文本占位符 4">
            <a:extLst>
              <a:ext uri="{FF2B5EF4-FFF2-40B4-BE49-F238E27FC236}">
                <a16:creationId xmlns:a16="http://schemas.microsoft.com/office/drawing/2014/main" id="{90C4F2AA-CCF8-4D0C-9C95-8BC48033B07F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4629150" y="1681163"/>
            <a:ext cx="3887391" cy="823912"/>
          </a:xfrm>
        </p:spPr>
        <p:txBody>
          <a:bodyPr anchor="b"/>
          <a:lstStyle>
            <a:lvl1pPr marL="0" indent="0">
              <a:buNone/>
              <a:defRPr sz="1800" b="1"/>
            </a:lvl1pPr>
            <a:lvl2pPr marL="342900" indent="0">
              <a:buNone/>
              <a:defRPr sz="1500" b="1"/>
            </a:lvl2pPr>
            <a:lvl3pPr marL="685800" indent="0">
              <a:buNone/>
              <a:defRPr sz="1350" b="1"/>
            </a:lvl3pPr>
            <a:lvl4pPr marL="1028700" indent="0">
              <a:buNone/>
              <a:defRPr sz="1200" b="1"/>
            </a:lvl4pPr>
            <a:lvl5pPr marL="1371600" indent="0">
              <a:buNone/>
              <a:defRPr sz="1200" b="1"/>
            </a:lvl5pPr>
            <a:lvl6pPr marL="1714500" indent="0">
              <a:buNone/>
              <a:defRPr sz="1200" b="1"/>
            </a:lvl6pPr>
            <a:lvl7pPr marL="2057400" indent="0">
              <a:buNone/>
              <a:defRPr sz="1200" b="1"/>
            </a:lvl7pPr>
            <a:lvl8pPr marL="2400300" indent="0">
              <a:buNone/>
              <a:defRPr sz="1200" b="1"/>
            </a:lvl8pPr>
            <a:lvl9pPr marL="2743200" indent="0">
              <a:buNone/>
              <a:defRPr sz="1200" b="1"/>
            </a:lvl9pPr>
          </a:lstStyle>
          <a:p>
            <a:pPr lvl="0"/>
            <a:r>
              <a:rPr lang="zh-CN" altLang="en-US"/>
              <a:t>编辑母版文本样式</a:t>
            </a:r>
          </a:p>
        </p:txBody>
      </p:sp>
      <p:sp>
        <p:nvSpPr>
          <p:cNvPr id="6" name="内容占位符 5">
            <a:extLst>
              <a:ext uri="{FF2B5EF4-FFF2-40B4-BE49-F238E27FC236}">
                <a16:creationId xmlns:a16="http://schemas.microsoft.com/office/drawing/2014/main" id="{8EB9082D-6F7D-4BFE-9E75-266537FC7996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4629150" y="2505075"/>
            <a:ext cx="3887391" cy="3684588"/>
          </a:xfrm>
        </p:spPr>
        <p:txBody>
          <a:bodyPr/>
          <a:lstStyle/>
          <a:p>
            <a:pPr lvl="0"/>
            <a:r>
              <a:rPr lang="zh-CN" altLang="en-US"/>
              <a:t>编辑母版文本样式</a:t>
            </a:r>
          </a:p>
          <a:p>
            <a:pPr lvl="1"/>
            <a:r>
              <a:rPr lang="zh-CN" altLang="en-US"/>
              <a:t>第二级</a:t>
            </a:r>
          </a:p>
          <a:p>
            <a:pPr lvl="2"/>
            <a:r>
              <a:rPr lang="zh-CN" altLang="en-US"/>
              <a:t>第三级</a:t>
            </a:r>
          </a:p>
          <a:p>
            <a:pPr lvl="3"/>
            <a:r>
              <a:rPr lang="zh-CN" altLang="en-US"/>
              <a:t>第四级</a:t>
            </a:r>
          </a:p>
          <a:p>
            <a:pPr lvl="4"/>
            <a:r>
              <a:rPr lang="zh-CN" altLang="en-US"/>
              <a:t>第五级</a:t>
            </a:r>
          </a:p>
        </p:txBody>
      </p:sp>
      <p:sp>
        <p:nvSpPr>
          <p:cNvPr id="7" name="日期占位符 6">
            <a:extLst>
              <a:ext uri="{FF2B5EF4-FFF2-40B4-BE49-F238E27FC236}">
                <a16:creationId xmlns:a16="http://schemas.microsoft.com/office/drawing/2014/main" id="{314AEAFA-B66D-4B8D-B253-140662E04588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>
              <a:defRPr/>
            </a:pPr>
            <a:endParaRPr lang="en-US" altLang="zh-CN" dirty="0"/>
          </a:p>
        </p:txBody>
      </p:sp>
      <p:sp>
        <p:nvSpPr>
          <p:cNvPr id="8" name="页脚占位符 7">
            <a:extLst>
              <a:ext uri="{FF2B5EF4-FFF2-40B4-BE49-F238E27FC236}">
                <a16:creationId xmlns:a16="http://schemas.microsoft.com/office/drawing/2014/main" id="{4EDA7EA0-5FD0-4ABB-90D3-C3D3C50B295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>
              <a:defRPr/>
            </a:pPr>
            <a:endParaRPr lang="en-US" altLang="zh-CN" dirty="0"/>
          </a:p>
        </p:txBody>
      </p:sp>
      <p:sp>
        <p:nvSpPr>
          <p:cNvPr id="9" name="灯片编号占位符 8">
            <a:extLst>
              <a:ext uri="{FF2B5EF4-FFF2-40B4-BE49-F238E27FC236}">
                <a16:creationId xmlns:a16="http://schemas.microsoft.com/office/drawing/2014/main" id="{A8C19922-4A26-480F-AC43-90948A7B679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9EDF84ED-8940-479A-9125-DE6802CCBBB1}" type="slidenum">
              <a:rPr lang="en-US" altLang="zh-CN" smtClean="0"/>
              <a:pPr>
                <a:defRPr/>
              </a:pPr>
              <a:t>‹#›</a:t>
            </a:fld>
            <a:endParaRPr lang="en-US" altLang="zh-CN" dirty="0"/>
          </a:p>
        </p:txBody>
      </p:sp>
    </p:spTree>
    <p:extLst>
      <p:ext uri="{BB962C8B-B14F-4D97-AF65-F5344CB8AC3E}">
        <p14:creationId xmlns:p14="http://schemas.microsoft.com/office/powerpoint/2010/main" val="2097964309"/>
      </p:ext>
    </p:extLst>
  </p:cSld>
  <p:clrMapOvr>
    <a:masterClrMapping/>
  </p:clrMapOvr>
  <p:hf hdr="0" ftr="0" dt="0"/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仅标题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标题 1">
            <a:extLst>
              <a:ext uri="{FF2B5EF4-FFF2-40B4-BE49-F238E27FC236}">
                <a16:creationId xmlns:a16="http://schemas.microsoft.com/office/drawing/2014/main" id="{ADEF6414-AC35-4DDA-936F-06CA2B8844E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zh-CN" altLang="en-US"/>
              <a:t>单击此处编辑母版标题样式</a:t>
            </a:r>
          </a:p>
        </p:txBody>
      </p:sp>
      <p:sp>
        <p:nvSpPr>
          <p:cNvPr id="3" name="日期占位符 2">
            <a:extLst>
              <a:ext uri="{FF2B5EF4-FFF2-40B4-BE49-F238E27FC236}">
                <a16:creationId xmlns:a16="http://schemas.microsoft.com/office/drawing/2014/main" id="{5B54E9A6-10CA-469C-8973-0C3F2122B63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>
              <a:defRPr/>
            </a:pPr>
            <a:endParaRPr lang="en-US" altLang="zh-CN" dirty="0"/>
          </a:p>
        </p:txBody>
      </p:sp>
      <p:sp>
        <p:nvSpPr>
          <p:cNvPr id="4" name="页脚占位符 3">
            <a:extLst>
              <a:ext uri="{FF2B5EF4-FFF2-40B4-BE49-F238E27FC236}">
                <a16:creationId xmlns:a16="http://schemas.microsoft.com/office/drawing/2014/main" id="{5FB95FA7-EC69-4349-92AC-0FA6EEF654B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>
              <a:defRPr/>
            </a:pPr>
            <a:endParaRPr lang="en-US" altLang="zh-CN" dirty="0"/>
          </a:p>
        </p:txBody>
      </p:sp>
      <p:sp>
        <p:nvSpPr>
          <p:cNvPr id="5" name="灯片编号占位符 4">
            <a:extLst>
              <a:ext uri="{FF2B5EF4-FFF2-40B4-BE49-F238E27FC236}">
                <a16:creationId xmlns:a16="http://schemas.microsoft.com/office/drawing/2014/main" id="{5187E545-7A27-40F0-9E9C-36B576DF050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9EDF84ED-8940-479A-9125-DE6802CCBBB1}" type="slidenum">
              <a:rPr lang="en-US" altLang="zh-CN" smtClean="0"/>
              <a:pPr>
                <a:defRPr/>
              </a:pPr>
              <a:t>‹#›</a:t>
            </a:fld>
            <a:endParaRPr lang="en-US" altLang="zh-CN" dirty="0"/>
          </a:p>
        </p:txBody>
      </p:sp>
    </p:spTree>
    <p:extLst>
      <p:ext uri="{BB962C8B-B14F-4D97-AF65-F5344CB8AC3E}">
        <p14:creationId xmlns:p14="http://schemas.microsoft.com/office/powerpoint/2010/main" val="929743775"/>
      </p:ext>
    </p:extLst>
  </p:cSld>
  <p:clrMapOvr>
    <a:masterClrMapping/>
  </p:clrMapOvr>
  <p:hf hdr="0" ftr="0" dt="0"/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空白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日期占位符 1">
            <a:extLst>
              <a:ext uri="{FF2B5EF4-FFF2-40B4-BE49-F238E27FC236}">
                <a16:creationId xmlns:a16="http://schemas.microsoft.com/office/drawing/2014/main" id="{168A9493-819D-4ED5-AB1D-C277B44B3CE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>
              <a:defRPr/>
            </a:pPr>
            <a:endParaRPr lang="en-US" altLang="zh-CN" dirty="0"/>
          </a:p>
        </p:txBody>
      </p:sp>
      <p:sp>
        <p:nvSpPr>
          <p:cNvPr id="3" name="页脚占位符 2">
            <a:extLst>
              <a:ext uri="{FF2B5EF4-FFF2-40B4-BE49-F238E27FC236}">
                <a16:creationId xmlns:a16="http://schemas.microsoft.com/office/drawing/2014/main" id="{F5FBD330-F806-4915-AD5A-505A78137078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>
              <a:defRPr/>
            </a:pPr>
            <a:endParaRPr lang="en-US" altLang="zh-CN" dirty="0"/>
          </a:p>
        </p:txBody>
      </p:sp>
      <p:sp>
        <p:nvSpPr>
          <p:cNvPr id="4" name="灯片编号占位符 3">
            <a:extLst>
              <a:ext uri="{FF2B5EF4-FFF2-40B4-BE49-F238E27FC236}">
                <a16:creationId xmlns:a16="http://schemas.microsoft.com/office/drawing/2014/main" id="{D9338402-4305-4C02-AF32-BF11EC31238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9EDF84ED-8940-479A-9125-DE6802CCBBB1}" type="slidenum">
              <a:rPr lang="en-US" altLang="zh-CN" smtClean="0"/>
              <a:pPr>
                <a:defRPr/>
              </a:pPr>
              <a:t>‹#›</a:t>
            </a:fld>
            <a:endParaRPr lang="en-US" altLang="zh-CN" dirty="0"/>
          </a:p>
        </p:txBody>
      </p:sp>
    </p:spTree>
    <p:extLst>
      <p:ext uri="{BB962C8B-B14F-4D97-AF65-F5344CB8AC3E}">
        <p14:creationId xmlns:p14="http://schemas.microsoft.com/office/powerpoint/2010/main" val="3313382878"/>
      </p:ext>
    </p:extLst>
  </p:cSld>
  <p:clrMapOvr>
    <a:masterClrMapping/>
  </p:clrMapOvr>
  <p:hf hdr="0" ftr="0" dt="0"/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内容与标题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标题 1">
            <a:extLst>
              <a:ext uri="{FF2B5EF4-FFF2-40B4-BE49-F238E27FC236}">
                <a16:creationId xmlns:a16="http://schemas.microsoft.com/office/drawing/2014/main" id="{28FF7779-C9DC-4BDD-AD7F-A9C01D958E9D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29841" y="457200"/>
            <a:ext cx="2949178" cy="1600200"/>
          </a:xfrm>
        </p:spPr>
        <p:txBody>
          <a:bodyPr anchor="b"/>
          <a:lstStyle>
            <a:lvl1pPr>
              <a:defRPr sz="2400"/>
            </a:lvl1pPr>
          </a:lstStyle>
          <a:p>
            <a:r>
              <a:rPr lang="zh-CN" altLang="en-US"/>
              <a:t>单击此处编辑母版标题样式</a:t>
            </a:r>
          </a:p>
        </p:txBody>
      </p:sp>
      <p:sp>
        <p:nvSpPr>
          <p:cNvPr id="3" name="内容占位符 2">
            <a:extLst>
              <a:ext uri="{FF2B5EF4-FFF2-40B4-BE49-F238E27FC236}">
                <a16:creationId xmlns:a16="http://schemas.microsoft.com/office/drawing/2014/main" id="{E85D69EF-3C81-4AFB-A1C6-4712316A2120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3887391" y="987426"/>
            <a:ext cx="4629150" cy="4873625"/>
          </a:xfrm>
        </p:spPr>
        <p:txBody>
          <a:bodyPr/>
          <a:lstStyle>
            <a:lvl1pPr>
              <a:defRPr sz="2400"/>
            </a:lvl1pPr>
            <a:lvl2pPr>
              <a:defRPr sz="2100"/>
            </a:lvl2pPr>
            <a:lvl3pPr>
              <a:defRPr sz="1800"/>
            </a:lvl3pPr>
            <a:lvl4pPr>
              <a:defRPr sz="1500"/>
            </a:lvl4pPr>
            <a:lvl5pPr>
              <a:defRPr sz="1500"/>
            </a:lvl5pPr>
            <a:lvl6pPr>
              <a:defRPr sz="1500"/>
            </a:lvl6pPr>
            <a:lvl7pPr>
              <a:defRPr sz="1500"/>
            </a:lvl7pPr>
            <a:lvl8pPr>
              <a:defRPr sz="1500"/>
            </a:lvl8pPr>
            <a:lvl9pPr>
              <a:defRPr sz="1500"/>
            </a:lvl9pPr>
          </a:lstStyle>
          <a:p>
            <a:pPr lvl="0"/>
            <a:r>
              <a:rPr lang="zh-CN" altLang="en-US"/>
              <a:t>编辑母版文本样式</a:t>
            </a:r>
          </a:p>
          <a:p>
            <a:pPr lvl="1"/>
            <a:r>
              <a:rPr lang="zh-CN" altLang="en-US"/>
              <a:t>第二级</a:t>
            </a:r>
          </a:p>
          <a:p>
            <a:pPr lvl="2"/>
            <a:r>
              <a:rPr lang="zh-CN" altLang="en-US"/>
              <a:t>第三级</a:t>
            </a:r>
          </a:p>
          <a:p>
            <a:pPr lvl="3"/>
            <a:r>
              <a:rPr lang="zh-CN" altLang="en-US"/>
              <a:t>第四级</a:t>
            </a:r>
          </a:p>
          <a:p>
            <a:pPr lvl="4"/>
            <a:r>
              <a:rPr lang="zh-CN" altLang="en-US"/>
              <a:t>第五级</a:t>
            </a:r>
          </a:p>
        </p:txBody>
      </p:sp>
      <p:sp>
        <p:nvSpPr>
          <p:cNvPr id="4" name="文本占位符 3">
            <a:extLst>
              <a:ext uri="{FF2B5EF4-FFF2-40B4-BE49-F238E27FC236}">
                <a16:creationId xmlns:a16="http://schemas.microsoft.com/office/drawing/2014/main" id="{21147849-41C6-4007-81BE-769B87729D6C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629841" y="2057400"/>
            <a:ext cx="2949178" cy="3811588"/>
          </a:xfrm>
        </p:spPr>
        <p:txBody>
          <a:bodyPr/>
          <a:lstStyle>
            <a:lvl1pPr marL="0" indent="0">
              <a:buNone/>
              <a:defRPr sz="1200"/>
            </a:lvl1pPr>
            <a:lvl2pPr marL="342900" indent="0">
              <a:buNone/>
              <a:defRPr sz="1050"/>
            </a:lvl2pPr>
            <a:lvl3pPr marL="685800" indent="0">
              <a:buNone/>
              <a:defRPr sz="900"/>
            </a:lvl3pPr>
            <a:lvl4pPr marL="1028700" indent="0">
              <a:buNone/>
              <a:defRPr sz="750"/>
            </a:lvl4pPr>
            <a:lvl5pPr marL="1371600" indent="0">
              <a:buNone/>
              <a:defRPr sz="750"/>
            </a:lvl5pPr>
            <a:lvl6pPr marL="1714500" indent="0">
              <a:buNone/>
              <a:defRPr sz="750"/>
            </a:lvl6pPr>
            <a:lvl7pPr marL="2057400" indent="0">
              <a:buNone/>
              <a:defRPr sz="750"/>
            </a:lvl7pPr>
            <a:lvl8pPr marL="2400300" indent="0">
              <a:buNone/>
              <a:defRPr sz="750"/>
            </a:lvl8pPr>
            <a:lvl9pPr marL="2743200" indent="0">
              <a:buNone/>
              <a:defRPr sz="750"/>
            </a:lvl9pPr>
          </a:lstStyle>
          <a:p>
            <a:pPr lvl="0"/>
            <a:r>
              <a:rPr lang="zh-CN" altLang="en-US"/>
              <a:t>编辑母版文本样式</a:t>
            </a:r>
          </a:p>
        </p:txBody>
      </p:sp>
      <p:sp>
        <p:nvSpPr>
          <p:cNvPr id="5" name="日期占位符 4">
            <a:extLst>
              <a:ext uri="{FF2B5EF4-FFF2-40B4-BE49-F238E27FC236}">
                <a16:creationId xmlns:a16="http://schemas.microsoft.com/office/drawing/2014/main" id="{D1966A9D-AB91-464F-A35D-7F5067D19C1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>
              <a:defRPr/>
            </a:pPr>
            <a:endParaRPr lang="en-US" altLang="zh-CN" dirty="0"/>
          </a:p>
        </p:txBody>
      </p:sp>
      <p:sp>
        <p:nvSpPr>
          <p:cNvPr id="6" name="页脚占位符 5">
            <a:extLst>
              <a:ext uri="{FF2B5EF4-FFF2-40B4-BE49-F238E27FC236}">
                <a16:creationId xmlns:a16="http://schemas.microsoft.com/office/drawing/2014/main" id="{38A3C781-3611-4A05-8D33-9E05D51A9D0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>
              <a:defRPr/>
            </a:pPr>
            <a:endParaRPr lang="en-US" altLang="zh-CN" dirty="0"/>
          </a:p>
        </p:txBody>
      </p:sp>
      <p:sp>
        <p:nvSpPr>
          <p:cNvPr id="7" name="灯片编号占位符 6">
            <a:extLst>
              <a:ext uri="{FF2B5EF4-FFF2-40B4-BE49-F238E27FC236}">
                <a16:creationId xmlns:a16="http://schemas.microsoft.com/office/drawing/2014/main" id="{D824AD0D-B246-43FB-9EFC-B3CF5F6D906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9EDF84ED-8940-479A-9125-DE6802CCBBB1}" type="slidenum">
              <a:rPr lang="en-US" altLang="zh-CN" smtClean="0"/>
              <a:pPr>
                <a:defRPr/>
              </a:pPr>
              <a:t>‹#›</a:t>
            </a:fld>
            <a:endParaRPr lang="en-US" altLang="zh-CN" dirty="0"/>
          </a:p>
        </p:txBody>
      </p:sp>
    </p:spTree>
    <p:extLst>
      <p:ext uri="{BB962C8B-B14F-4D97-AF65-F5344CB8AC3E}">
        <p14:creationId xmlns:p14="http://schemas.microsoft.com/office/powerpoint/2010/main" val="2035890746"/>
      </p:ext>
    </p:extLst>
  </p:cSld>
  <p:clrMapOvr>
    <a:masterClrMapping/>
  </p:clrMapOvr>
  <p:hf hdr="0" ftr="0" dt="0"/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标题和内容">
    <p:bg>
      <p:bgPr>
        <a:blipFill dpi="0" rotWithShape="1">
          <a:blip r:embed="rId2">
            <a:lum/>
          </a:blip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8" name="Picture 8" descr="PPT内页副本1">
            <a:extLst>
              <a:ext uri="{FF2B5EF4-FFF2-40B4-BE49-F238E27FC236}">
                <a16:creationId xmlns:a16="http://schemas.microsoft.com/office/drawing/2014/main" id="{427CADE0-5D59-48D7-B880-E1682443E79C}"/>
              </a:ext>
            </a:extLst>
          </p:cNvPr>
          <p:cNvPicPr>
            <a:picLocks noChangeAspect="1" noChangeArrowheads="1"/>
          </p:cNvPicPr>
          <p:nvPr userDrawn="1"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0" y="0"/>
            <a:ext cx="9144000" cy="6859588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4" name="Rectangle 4">
            <a:extLst>
              <a:ext uri="{FF2B5EF4-FFF2-40B4-BE49-F238E27FC236}">
                <a16:creationId xmlns:a16="http://schemas.microsoft.com/office/drawing/2014/main" id="{9348FDCA-98FE-4D45-894D-8C9E1E705594}"/>
              </a:ext>
            </a:extLst>
          </p:cNvPr>
          <p:cNvSpPr>
            <a:spLocks noGrp="1" noChangeArrowheads="1"/>
          </p:cNvSpPr>
          <p:nvPr>
            <p:ph type="dt" sz="half" idx="10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en-US" altLang="zh-CN" dirty="0"/>
          </a:p>
        </p:txBody>
      </p:sp>
      <p:sp>
        <p:nvSpPr>
          <p:cNvPr id="5" name="Rectangle 5">
            <a:extLst>
              <a:ext uri="{FF2B5EF4-FFF2-40B4-BE49-F238E27FC236}">
                <a16:creationId xmlns:a16="http://schemas.microsoft.com/office/drawing/2014/main" id="{8784D09B-03DB-42A7-A9A5-146C6CBACC92}"/>
              </a:ext>
            </a:extLst>
          </p:cNvPr>
          <p:cNvSpPr>
            <a:spLocks noGrp="1" noChangeArrowheads="1"/>
          </p:cNvSpPr>
          <p:nvPr>
            <p:ph type="ftr" sz="quarter" idx="11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en-US" altLang="zh-CN" dirty="0"/>
          </a:p>
        </p:txBody>
      </p:sp>
      <p:sp>
        <p:nvSpPr>
          <p:cNvPr id="6" name="Rectangle 6">
            <a:extLst>
              <a:ext uri="{FF2B5EF4-FFF2-40B4-BE49-F238E27FC236}">
                <a16:creationId xmlns:a16="http://schemas.microsoft.com/office/drawing/2014/main" id="{53310071-454F-422B-9A85-A073DD2E36BA}"/>
              </a:ext>
            </a:extLst>
          </p:cNvPr>
          <p:cNvSpPr>
            <a:spLocks noGrp="1" noChangeArrowheads="1"/>
          </p:cNvSpPr>
          <p:nvPr>
            <p:ph type="sldNum" sz="quarter" idx="12"/>
          </p:nvPr>
        </p:nvSpPr>
        <p:spPr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C58DEF2B-8039-4C1E-A573-46AE1706B516}" type="slidenum">
              <a:rPr lang="en-US" altLang="zh-CN"/>
              <a:pPr>
                <a:defRPr/>
              </a:pPr>
              <a:t>‹#›</a:t>
            </a:fld>
            <a:endParaRPr lang="en-US" altLang="zh-CN" dirty="0"/>
          </a:p>
        </p:txBody>
      </p:sp>
      <p:sp>
        <p:nvSpPr>
          <p:cNvPr id="12" name="文本占位符 11">
            <a:extLst>
              <a:ext uri="{FF2B5EF4-FFF2-40B4-BE49-F238E27FC236}">
                <a16:creationId xmlns:a16="http://schemas.microsoft.com/office/drawing/2014/main" id="{B7296F4C-DFB7-4BEE-B399-2E1E730B1F7D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228600" y="136525"/>
            <a:ext cx="5257800" cy="838200"/>
          </a:xfrm>
        </p:spPr>
        <p:txBody>
          <a:bodyPr/>
          <a:lstStyle>
            <a:lvl1pPr marL="0" indent="0">
              <a:buNone/>
              <a:defRPr sz="4000" b="1">
                <a:solidFill>
                  <a:schemeClr val="bg1"/>
                </a:solidFill>
              </a:defRPr>
            </a:lvl1pPr>
          </a:lstStyle>
          <a:p>
            <a:pPr lvl="0"/>
            <a:r>
              <a:rPr lang="zh-CN" altLang="en-US" dirty="0"/>
              <a:t>目录</a:t>
            </a:r>
          </a:p>
        </p:txBody>
      </p:sp>
    </p:spTree>
    <p:extLst>
      <p:ext uri="{BB962C8B-B14F-4D97-AF65-F5344CB8AC3E}">
        <p14:creationId xmlns:p14="http://schemas.microsoft.com/office/powerpoint/2010/main" val="2884256485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theme" Target="../theme/theme1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标题占位符 1">
            <a:extLst>
              <a:ext uri="{FF2B5EF4-FFF2-40B4-BE49-F238E27FC236}">
                <a16:creationId xmlns:a16="http://schemas.microsoft.com/office/drawing/2014/main" id="{6BC1E515-0B88-4D07-A3A0-0FA342141675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28650" y="365126"/>
            <a:ext cx="78867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zh-CN" altLang="en-US"/>
              <a:t>单击此处编辑母版标题样式</a:t>
            </a:r>
          </a:p>
        </p:txBody>
      </p:sp>
      <p:sp>
        <p:nvSpPr>
          <p:cNvPr id="3" name="文本占位符 2">
            <a:extLst>
              <a:ext uri="{FF2B5EF4-FFF2-40B4-BE49-F238E27FC236}">
                <a16:creationId xmlns:a16="http://schemas.microsoft.com/office/drawing/2014/main" id="{6E2739E7-BA22-4199-8449-C0D4BE1DCC1E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628650" y="1825625"/>
            <a:ext cx="78867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zh-CN" altLang="en-US"/>
              <a:t>编辑母版文本样式</a:t>
            </a:r>
          </a:p>
          <a:p>
            <a:pPr lvl="1"/>
            <a:r>
              <a:rPr lang="zh-CN" altLang="en-US"/>
              <a:t>第二级</a:t>
            </a:r>
          </a:p>
          <a:p>
            <a:pPr lvl="2"/>
            <a:r>
              <a:rPr lang="zh-CN" altLang="en-US"/>
              <a:t>第三级</a:t>
            </a:r>
          </a:p>
          <a:p>
            <a:pPr lvl="3"/>
            <a:r>
              <a:rPr lang="zh-CN" altLang="en-US"/>
              <a:t>第四级</a:t>
            </a:r>
          </a:p>
          <a:p>
            <a:pPr lvl="4"/>
            <a:r>
              <a:rPr lang="zh-CN" altLang="en-US"/>
              <a:t>第五级</a:t>
            </a:r>
          </a:p>
        </p:txBody>
      </p:sp>
      <p:sp>
        <p:nvSpPr>
          <p:cNvPr id="4" name="日期占位符 3">
            <a:extLst>
              <a:ext uri="{FF2B5EF4-FFF2-40B4-BE49-F238E27FC236}">
                <a16:creationId xmlns:a16="http://schemas.microsoft.com/office/drawing/2014/main" id="{5BFF116A-2462-402F-9CAB-9E789B91B541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628650" y="6356351"/>
            <a:ext cx="20574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9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pPr>
              <a:defRPr/>
            </a:pPr>
            <a:endParaRPr lang="en-US" altLang="zh-CN" dirty="0"/>
          </a:p>
        </p:txBody>
      </p:sp>
      <p:sp>
        <p:nvSpPr>
          <p:cNvPr id="5" name="页脚占位符 4">
            <a:extLst>
              <a:ext uri="{FF2B5EF4-FFF2-40B4-BE49-F238E27FC236}">
                <a16:creationId xmlns:a16="http://schemas.microsoft.com/office/drawing/2014/main" id="{12FD7F7F-1C84-4664-A17A-08E0FF9C657E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3028950" y="6356351"/>
            <a:ext cx="30861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9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pPr>
              <a:defRPr/>
            </a:pPr>
            <a:endParaRPr lang="en-US" altLang="zh-CN" dirty="0"/>
          </a:p>
        </p:txBody>
      </p:sp>
      <p:sp>
        <p:nvSpPr>
          <p:cNvPr id="6" name="灯片编号占位符 5">
            <a:extLst>
              <a:ext uri="{FF2B5EF4-FFF2-40B4-BE49-F238E27FC236}">
                <a16:creationId xmlns:a16="http://schemas.microsoft.com/office/drawing/2014/main" id="{F9A1E558-B7E7-4798-B517-D41E8FB8F5DC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6457950" y="6356351"/>
            <a:ext cx="20574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9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pPr>
              <a:defRPr/>
            </a:pPr>
            <a:fld id="{9EDF84ED-8940-479A-9125-DE6802CCBBB1}" type="slidenum">
              <a:rPr lang="en-US" altLang="zh-CN" smtClean="0"/>
              <a:pPr>
                <a:defRPr/>
              </a:pPr>
              <a:t>‹#›</a:t>
            </a:fld>
            <a:endParaRPr lang="en-US" altLang="zh-CN" dirty="0"/>
          </a:p>
        </p:txBody>
      </p:sp>
    </p:spTree>
    <p:extLst>
      <p:ext uri="{BB962C8B-B14F-4D97-AF65-F5344CB8AC3E}">
        <p14:creationId xmlns:p14="http://schemas.microsoft.com/office/powerpoint/2010/main" val="3866910221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53" r:id="rId1"/>
    <p:sldLayoutId id="2147483654" r:id="rId2"/>
    <p:sldLayoutId id="2147483655" r:id="rId3"/>
    <p:sldLayoutId id="2147483656" r:id="rId4"/>
    <p:sldLayoutId id="2147483657" r:id="rId5"/>
    <p:sldLayoutId id="2147483658" r:id="rId6"/>
    <p:sldLayoutId id="2147483659" r:id="rId7"/>
    <p:sldLayoutId id="2147483660" r:id="rId8"/>
    <p:sldLayoutId id="2147483666" r:id="rId9"/>
    <p:sldLayoutId id="2147483661" r:id="rId10"/>
    <p:sldLayoutId id="2147483662" r:id="rId11"/>
    <p:sldLayoutId id="2147483663" r:id="rId12"/>
  </p:sldLayoutIdLst>
  <p:hf hdr="0" ftr="0" dt="0"/>
  <p:txStyles>
    <p:titleStyle>
      <a:lvl1pPr algn="l" defTabSz="685800" rtl="0" eaLnBrk="1" latinLnBrk="0" hangingPunct="1">
        <a:lnSpc>
          <a:spcPct val="90000"/>
        </a:lnSpc>
        <a:spcBef>
          <a:spcPct val="0"/>
        </a:spcBef>
        <a:buNone/>
        <a:defRPr sz="33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171450" indent="-171450" algn="l" defTabSz="685800" rtl="0" eaLnBrk="1" latinLnBrk="0" hangingPunct="1">
        <a:lnSpc>
          <a:spcPct val="90000"/>
        </a:lnSpc>
        <a:spcBef>
          <a:spcPts val="750"/>
        </a:spcBef>
        <a:buFont typeface="Arial" panose="020B0604020202020204" pitchFamily="34" charset="0"/>
        <a:buChar char="•"/>
        <a:defRPr sz="2100" kern="1200">
          <a:solidFill>
            <a:schemeClr val="tx1"/>
          </a:solidFill>
          <a:latin typeface="+mn-lt"/>
          <a:ea typeface="+mn-ea"/>
          <a:cs typeface="+mn-cs"/>
        </a:defRPr>
      </a:lvl1pPr>
      <a:lvl2pPr marL="514350" indent="-171450" algn="l" defTabSz="685800" rtl="0" eaLnBrk="1" latinLnBrk="0" hangingPunct="1">
        <a:lnSpc>
          <a:spcPct val="90000"/>
        </a:lnSpc>
        <a:spcBef>
          <a:spcPts val="375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857250" indent="-171450" algn="l" defTabSz="685800" rtl="0" eaLnBrk="1" latinLnBrk="0" hangingPunct="1">
        <a:lnSpc>
          <a:spcPct val="90000"/>
        </a:lnSpc>
        <a:spcBef>
          <a:spcPts val="375"/>
        </a:spcBef>
        <a:buFont typeface="Arial" panose="020B0604020202020204" pitchFamily="34" charset="0"/>
        <a:buChar char="•"/>
        <a:defRPr sz="1500" kern="1200">
          <a:solidFill>
            <a:schemeClr val="tx1"/>
          </a:solidFill>
          <a:latin typeface="+mn-lt"/>
          <a:ea typeface="+mn-ea"/>
          <a:cs typeface="+mn-cs"/>
        </a:defRPr>
      </a:lvl3pPr>
      <a:lvl4pPr marL="1200150" indent="-171450" algn="l" defTabSz="685800" rtl="0" eaLnBrk="1" latinLnBrk="0" hangingPunct="1">
        <a:lnSpc>
          <a:spcPct val="90000"/>
        </a:lnSpc>
        <a:spcBef>
          <a:spcPts val="375"/>
        </a:spcBef>
        <a:buFont typeface="Arial" panose="020B0604020202020204" pitchFamily="34" charset="0"/>
        <a:buChar char="•"/>
        <a:defRPr sz="1350" kern="1200">
          <a:solidFill>
            <a:schemeClr val="tx1"/>
          </a:solidFill>
          <a:latin typeface="+mn-lt"/>
          <a:ea typeface="+mn-ea"/>
          <a:cs typeface="+mn-cs"/>
        </a:defRPr>
      </a:lvl4pPr>
      <a:lvl5pPr marL="1543050" indent="-171450" algn="l" defTabSz="685800" rtl="0" eaLnBrk="1" latinLnBrk="0" hangingPunct="1">
        <a:lnSpc>
          <a:spcPct val="90000"/>
        </a:lnSpc>
        <a:spcBef>
          <a:spcPts val="375"/>
        </a:spcBef>
        <a:buFont typeface="Arial" panose="020B0604020202020204" pitchFamily="34" charset="0"/>
        <a:buChar char="•"/>
        <a:defRPr sz="1350" kern="1200">
          <a:solidFill>
            <a:schemeClr val="tx1"/>
          </a:solidFill>
          <a:latin typeface="+mn-lt"/>
          <a:ea typeface="+mn-ea"/>
          <a:cs typeface="+mn-cs"/>
        </a:defRPr>
      </a:lvl5pPr>
      <a:lvl6pPr marL="1885950" indent="-171450" algn="l" defTabSz="685800" rtl="0" eaLnBrk="1" latinLnBrk="0" hangingPunct="1">
        <a:lnSpc>
          <a:spcPct val="90000"/>
        </a:lnSpc>
        <a:spcBef>
          <a:spcPts val="375"/>
        </a:spcBef>
        <a:buFont typeface="Arial" panose="020B0604020202020204" pitchFamily="34" charset="0"/>
        <a:buChar char="•"/>
        <a:defRPr sz="1350" kern="1200">
          <a:solidFill>
            <a:schemeClr val="tx1"/>
          </a:solidFill>
          <a:latin typeface="+mn-lt"/>
          <a:ea typeface="+mn-ea"/>
          <a:cs typeface="+mn-cs"/>
        </a:defRPr>
      </a:lvl6pPr>
      <a:lvl7pPr marL="2228850" indent="-171450" algn="l" defTabSz="685800" rtl="0" eaLnBrk="1" latinLnBrk="0" hangingPunct="1">
        <a:lnSpc>
          <a:spcPct val="90000"/>
        </a:lnSpc>
        <a:spcBef>
          <a:spcPts val="375"/>
        </a:spcBef>
        <a:buFont typeface="Arial" panose="020B0604020202020204" pitchFamily="34" charset="0"/>
        <a:buChar char="•"/>
        <a:defRPr sz="1350" kern="1200">
          <a:solidFill>
            <a:schemeClr val="tx1"/>
          </a:solidFill>
          <a:latin typeface="+mn-lt"/>
          <a:ea typeface="+mn-ea"/>
          <a:cs typeface="+mn-cs"/>
        </a:defRPr>
      </a:lvl7pPr>
      <a:lvl8pPr marL="2571750" indent="-171450" algn="l" defTabSz="685800" rtl="0" eaLnBrk="1" latinLnBrk="0" hangingPunct="1">
        <a:lnSpc>
          <a:spcPct val="90000"/>
        </a:lnSpc>
        <a:spcBef>
          <a:spcPts val="375"/>
        </a:spcBef>
        <a:buFont typeface="Arial" panose="020B0604020202020204" pitchFamily="34" charset="0"/>
        <a:buChar char="•"/>
        <a:defRPr sz="1350" kern="1200">
          <a:solidFill>
            <a:schemeClr val="tx1"/>
          </a:solidFill>
          <a:latin typeface="+mn-lt"/>
          <a:ea typeface="+mn-ea"/>
          <a:cs typeface="+mn-cs"/>
        </a:defRPr>
      </a:lvl8pPr>
      <a:lvl9pPr marL="2914650" indent="-171450" algn="l" defTabSz="685800" rtl="0" eaLnBrk="1" latinLnBrk="0" hangingPunct="1">
        <a:lnSpc>
          <a:spcPct val="90000"/>
        </a:lnSpc>
        <a:spcBef>
          <a:spcPts val="375"/>
        </a:spcBef>
        <a:buFont typeface="Arial" panose="020B0604020202020204" pitchFamily="34" charset="0"/>
        <a:buChar char="•"/>
        <a:defRPr sz="135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zh-CN"/>
      </a:defPPr>
      <a:lvl1pPr marL="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1pPr>
      <a:lvl2pPr marL="3429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2pPr>
      <a:lvl3pPr marL="6858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3pPr>
      <a:lvl4pPr marL="10287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4pPr>
      <a:lvl5pPr marL="13716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5pPr>
      <a:lvl6pPr marL="17145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6pPr>
      <a:lvl7pPr marL="20574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7pPr>
      <a:lvl8pPr marL="24003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8pPr>
      <a:lvl9pPr marL="27432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jpeg"/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1.xml"/></Relationships>
</file>

<file path=ppt/slides/_rels/slide10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9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jpeg"/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9.xml"/><Relationship Id="rId6" Type="http://schemas.openxmlformats.org/officeDocument/2006/relationships/image" Target="../media/image7.jpeg"/><Relationship Id="rId5" Type="http://schemas.openxmlformats.org/officeDocument/2006/relationships/image" Target="../media/image6.jpeg"/><Relationship Id="rId4" Type="http://schemas.openxmlformats.org/officeDocument/2006/relationships/image" Target="../media/image5.png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image" Target="../media/image9.png"/><Relationship Id="rId2" Type="http://schemas.openxmlformats.org/officeDocument/2006/relationships/image" Target="../media/image8.png"/><Relationship Id="rId1" Type="http://schemas.openxmlformats.org/officeDocument/2006/relationships/slideLayout" Target="../slideLayouts/slideLayout9.xml"/><Relationship Id="rId4" Type="http://schemas.openxmlformats.org/officeDocument/2006/relationships/image" Target="../media/image10.png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image" Target="../media/image12.emf"/><Relationship Id="rId2" Type="http://schemas.openxmlformats.org/officeDocument/2006/relationships/image" Target="../media/image11.emf"/><Relationship Id="rId1" Type="http://schemas.openxmlformats.org/officeDocument/2006/relationships/slideLayout" Target="../slideLayouts/slideLayout9.xml"/><Relationship Id="rId4" Type="http://schemas.openxmlformats.org/officeDocument/2006/relationships/image" Target="../media/image13.emf"/></Relationships>
</file>

<file path=ppt/slides/_rels/slide5.xml.rels><?xml version="1.0" encoding="UTF-8" standalone="yes"?>
<Relationships xmlns="http://schemas.openxmlformats.org/package/2006/relationships"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26" Type="http://schemas.openxmlformats.org/officeDocument/2006/relationships/tags" Target="../tags/tag26.xml"/><Relationship Id="rId39" Type="http://schemas.openxmlformats.org/officeDocument/2006/relationships/tags" Target="../tags/tag39.xml"/><Relationship Id="rId21" Type="http://schemas.openxmlformats.org/officeDocument/2006/relationships/tags" Target="../tags/tag21.xml"/><Relationship Id="rId34" Type="http://schemas.openxmlformats.org/officeDocument/2006/relationships/tags" Target="../tags/tag34.xml"/><Relationship Id="rId42" Type="http://schemas.openxmlformats.org/officeDocument/2006/relationships/tags" Target="../tags/tag42.xml"/><Relationship Id="rId7" Type="http://schemas.openxmlformats.org/officeDocument/2006/relationships/tags" Target="../tags/tag7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0" Type="http://schemas.openxmlformats.org/officeDocument/2006/relationships/tags" Target="../tags/tag20.xml"/><Relationship Id="rId29" Type="http://schemas.openxmlformats.org/officeDocument/2006/relationships/tags" Target="../tags/tag29.xml"/><Relationship Id="rId41" Type="http://schemas.openxmlformats.org/officeDocument/2006/relationships/tags" Target="../tags/tag41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5" Type="http://schemas.openxmlformats.org/officeDocument/2006/relationships/tags" Target="../tags/tag5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10" Type="http://schemas.openxmlformats.org/officeDocument/2006/relationships/tags" Target="../tags/tag10.xml"/><Relationship Id="rId19" Type="http://schemas.openxmlformats.org/officeDocument/2006/relationships/tags" Target="../tags/tag19.xml"/><Relationship Id="rId31" Type="http://schemas.openxmlformats.org/officeDocument/2006/relationships/tags" Target="../tags/tag31.xml"/><Relationship Id="rId44" Type="http://schemas.openxmlformats.org/officeDocument/2006/relationships/slideLayout" Target="../slideLayouts/slideLayout9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8" Type="http://schemas.openxmlformats.org/officeDocument/2006/relationships/tags" Target="../tags/tag8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/Relationships>
</file>

<file path=ppt/slides/_rels/slide6.xml.rels><?xml version="1.0" encoding="UTF-8" standalone="yes"?>
<Relationships xmlns="http://schemas.openxmlformats.org/package/2006/relationships"><Relationship Id="rId2" Type="http://schemas.openxmlformats.org/officeDocument/2006/relationships/image" Target="../media/image14.png"/><Relationship Id="rId1" Type="http://schemas.openxmlformats.org/officeDocument/2006/relationships/slideLayout" Target="../slideLayouts/slideLayout9.xml"/></Relationships>
</file>

<file path=ppt/slides/_rels/slide7.xml.rels><?xml version="1.0" encoding="UTF-8" standalone="yes"?>
<Relationships xmlns="http://schemas.openxmlformats.org/package/2006/relationships"><Relationship Id="rId26" Type="http://schemas.openxmlformats.org/officeDocument/2006/relationships/tags" Target="../tags/tag69.xml"/><Relationship Id="rId21" Type="http://schemas.openxmlformats.org/officeDocument/2006/relationships/tags" Target="../tags/tag64.xml"/><Relationship Id="rId42" Type="http://schemas.openxmlformats.org/officeDocument/2006/relationships/tags" Target="../tags/tag85.xml"/><Relationship Id="rId47" Type="http://schemas.openxmlformats.org/officeDocument/2006/relationships/tags" Target="../tags/tag90.xml"/><Relationship Id="rId63" Type="http://schemas.openxmlformats.org/officeDocument/2006/relationships/tags" Target="../tags/tag106.xml"/><Relationship Id="rId68" Type="http://schemas.openxmlformats.org/officeDocument/2006/relationships/tags" Target="../tags/tag111.xml"/><Relationship Id="rId84" Type="http://schemas.openxmlformats.org/officeDocument/2006/relationships/tags" Target="../tags/tag127.xml"/><Relationship Id="rId89" Type="http://schemas.openxmlformats.org/officeDocument/2006/relationships/tags" Target="../tags/tag132.xml"/><Relationship Id="rId16" Type="http://schemas.openxmlformats.org/officeDocument/2006/relationships/tags" Target="../tags/tag59.xml"/><Relationship Id="rId107" Type="http://schemas.openxmlformats.org/officeDocument/2006/relationships/slideLayout" Target="../slideLayouts/slideLayout7.xml"/><Relationship Id="rId11" Type="http://schemas.openxmlformats.org/officeDocument/2006/relationships/tags" Target="../tags/tag54.xml"/><Relationship Id="rId32" Type="http://schemas.openxmlformats.org/officeDocument/2006/relationships/tags" Target="../tags/tag75.xml"/><Relationship Id="rId37" Type="http://schemas.openxmlformats.org/officeDocument/2006/relationships/tags" Target="../tags/tag80.xml"/><Relationship Id="rId53" Type="http://schemas.openxmlformats.org/officeDocument/2006/relationships/tags" Target="../tags/tag96.xml"/><Relationship Id="rId58" Type="http://schemas.openxmlformats.org/officeDocument/2006/relationships/tags" Target="../tags/tag101.xml"/><Relationship Id="rId74" Type="http://schemas.openxmlformats.org/officeDocument/2006/relationships/tags" Target="../tags/tag117.xml"/><Relationship Id="rId79" Type="http://schemas.openxmlformats.org/officeDocument/2006/relationships/tags" Target="../tags/tag122.xml"/><Relationship Id="rId102" Type="http://schemas.openxmlformats.org/officeDocument/2006/relationships/tags" Target="../tags/tag145.xml"/><Relationship Id="rId5" Type="http://schemas.openxmlformats.org/officeDocument/2006/relationships/tags" Target="../tags/tag48.xml"/><Relationship Id="rId90" Type="http://schemas.openxmlformats.org/officeDocument/2006/relationships/tags" Target="../tags/tag133.xml"/><Relationship Id="rId95" Type="http://schemas.openxmlformats.org/officeDocument/2006/relationships/tags" Target="../tags/tag138.xml"/><Relationship Id="rId22" Type="http://schemas.openxmlformats.org/officeDocument/2006/relationships/tags" Target="../tags/tag65.xml"/><Relationship Id="rId27" Type="http://schemas.openxmlformats.org/officeDocument/2006/relationships/tags" Target="../tags/tag70.xml"/><Relationship Id="rId43" Type="http://schemas.openxmlformats.org/officeDocument/2006/relationships/tags" Target="../tags/tag86.xml"/><Relationship Id="rId48" Type="http://schemas.openxmlformats.org/officeDocument/2006/relationships/tags" Target="../tags/tag91.xml"/><Relationship Id="rId64" Type="http://schemas.openxmlformats.org/officeDocument/2006/relationships/tags" Target="../tags/tag107.xml"/><Relationship Id="rId69" Type="http://schemas.openxmlformats.org/officeDocument/2006/relationships/tags" Target="../tags/tag112.xml"/><Relationship Id="rId80" Type="http://schemas.openxmlformats.org/officeDocument/2006/relationships/tags" Target="../tags/tag123.xml"/><Relationship Id="rId85" Type="http://schemas.openxmlformats.org/officeDocument/2006/relationships/tags" Target="../tags/tag128.xml"/><Relationship Id="rId12" Type="http://schemas.openxmlformats.org/officeDocument/2006/relationships/tags" Target="../tags/tag55.xml"/><Relationship Id="rId17" Type="http://schemas.openxmlformats.org/officeDocument/2006/relationships/tags" Target="../tags/tag60.xml"/><Relationship Id="rId33" Type="http://schemas.openxmlformats.org/officeDocument/2006/relationships/tags" Target="../tags/tag76.xml"/><Relationship Id="rId38" Type="http://schemas.openxmlformats.org/officeDocument/2006/relationships/tags" Target="../tags/tag81.xml"/><Relationship Id="rId59" Type="http://schemas.openxmlformats.org/officeDocument/2006/relationships/tags" Target="../tags/tag102.xml"/><Relationship Id="rId103" Type="http://schemas.openxmlformats.org/officeDocument/2006/relationships/tags" Target="../tags/tag146.xml"/><Relationship Id="rId20" Type="http://schemas.openxmlformats.org/officeDocument/2006/relationships/tags" Target="../tags/tag63.xml"/><Relationship Id="rId41" Type="http://schemas.openxmlformats.org/officeDocument/2006/relationships/tags" Target="../tags/tag84.xml"/><Relationship Id="rId54" Type="http://schemas.openxmlformats.org/officeDocument/2006/relationships/tags" Target="../tags/tag97.xml"/><Relationship Id="rId62" Type="http://schemas.openxmlformats.org/officeDocument/2006/relationships/tags" Target="../tags/tag105.xml"/><Relationship Id="rId70" Type="http://schemas.openxmlformats.org/officeDocument/2006/relationships/tags" Target="../tags/tag113.xml"/><Relationship Id="rId75" Type="http://schemas.openxmlformats.org/officeDocument/2006/relationships/tags" Target="../tags/tag118.xml"/><Relationship Id="rId83" Type="http://schemas.openxmlformats.org/officeDocument/2006/relationships/tags" Target="../tags/tag126.xml"/><Relationship Id="rId88" Type="http://schemas.openxmlformats.org/officeDocument/2006/relationships/tags" Target="../tags/tag131.xml"/><Relationship Id="rId91" Type="http://schemas.openxmlformats.org/officeDocument/2006/relationships/tags" Target="../tags/tag134.xml"/><Relationship Id="rId96" Type="http://schemas.openxmlformats.org/officeDocument/2006/relationships/tags" Target="../tags/tag139.xml"/><Relationship Id="rId1" Type="http://schemas.openxmlformats.org/officeDocument/2006/relationships/tags" Target="../tags/tag44.xml"/><Relationship Id="rId6" Type="http://schemas.openxmlformats.org/officeDocument/2006/relationships/tags" Target="../tags/tag49.xml"/><Relationship Id="rId15" Type="http://schemas.openxmlformats.org/officeDocument/2006/relationships/tags" Target="../tags/tag58.xml"/><Relationship Id="rId23" Type="http://schemas.openxmlformats.org/officeDocument/2006/relationships/tags" Target="../tags/tag66.xml"/><Relationship Id="rId28" Type="http://schemas.openxmlformats.org/officeDocument/2006/relationships/tags" Target="../tags/tag71.xml"/><Relationship Id="rId36" Type="http://schemas.openxmlformats.org/officeDocument/2006/relationships/tags" Target="../tags/tag79.xml"/><Relationship Id="rId49" Type="http://schemas.openxmlformats.org/officeDocument/2006/relationships/tags" Target="../tags/tag92.xml"/><Relationship Id="rId57" Type="http://schemas.openxmlformats.org/officeDocument/2006/relationships/tags" Target="../tags/tag100.xml"/><Relationship Id="rId106" Type="http://schemas.openxmlformats.org/officeDocument/2006/relationships/tags" Target="../tags/tag149.xml"/><Relationship Id="rId10" Type="http://schemas.openxmlformats.org/officeDocument/2006/relationships/tags" Target="../tags/tag53.xml"/><Relationship Id="rId31" Type="http://schemas.openxmlformats.org/officeDocument/2006/relationships/tags" Target="../tags/tag74.xml"/><Relationship Id="rId44" Type="http://schemas.openxmlformats.org/officeDocument/2006/relationships/tags" Target="../tags/tag87.xml"/><Relationship Id="rId52" Type="http://schemas.openxmlformats.org/officeDocument/2006/relationships/tags" Target="../tags/tag95.xml"/><Relationship Id="rId60" Type="http://schemas.openxmlformats.org/officeDocument/2006/relationships/tags" Target="../tags/tag103.xml"/><Relationship Id="rId65" Type="http://schemas.openxmlformats.org/officeDocument/2006/relationships/tags" Target="../tags/tag108.xml"/><Relationship Id="rId73" Type="http://schemas.openxmlformats.org/officeDocument/2006/relationships/tags" Target="../tags/tag116.xml"/><Relationship Id="rId78" Type="http://schemas.openxmlformats.org/officeDocument/2006/relationships/tags" Target="../tags/tag121.xml"/><Relationship Id="rId81" Type="http://schemas.openxmlformats.org/officeDocument/2006/relationships/tags" Target="../tags/tag124.xml"/><Relationship Id="rId86" Type="http://schemas.openxmlformats.org/officeDocument/2006/relationships/tags" Target="../tags/tag129.xml"/><Relationship Id="rId94" Type="http://schemas.openxmlformats.org/officeDocument/2006/relationships/tags" Target="../tags/tag137.xml"/><Relationship Id="rId99" Type="http://schemas.openxmlformats.org/officeDocument/2006/relationships/tags" Target="../tags/tag142.xml"/><Relationship Id="rId101" Type="http://schemas.openxmlformats.org/officeDocument/2006/relationships/tags" Target="../tags/tag144.xml"/><Relationship Id="rId4" Type="http://schemas.openxmlformats.org/officeDocument/2006/relationships/tags" Target="../tags/tag47.xml"/><Relationship Id="rId9" Type="http://schemas.openxmlformats.org/officeDocument/2006/relationships/tags" Target="../tags/tag52.xml"/><Relationship Id="rId13" Type="http://schemas.openxmlformats.org/officeDocument/2006/relationships/tags" Target="../tags/tag56.xml"/><Relationship Id="rId18" Type="http://schemas.openxmlformats.org/officeDocument/2006/relationships/tags" Target="../tags/tag61.xml"/><Relationship Id="rId39" Type="http://schemas.openxmlformats.org/officeDocument/2006/relationships/tags" Target="../tags/tag82.xml"/><Relationship Id="rId34" Type="http://schemas.openxmlformats.org/officeDocument/2006/relationships/tags" Target="../tags/tag77.xml"/><Relationship Id="rId50" Type="http://schemas.openxmlformats.org/officeDocument/2006/relationships/tags" Target="../tags/tag93.xml"/><Relationship Id="rId55" Type="http://schemas.openxmlformats.org/officeDocument/2006/relationships/tags" Target="../tags/tag98.xml"/><Relationship Id="rId76" Type="http://schemas.openxmlformats.org/officeDocument/2006/relationships/tags" Target="../tags/tag119.xml"/><Relationship Id="rId97" Type="http://schemas.openxmlformats.org/officeDocument/2006/relationships/tags" Target="../tags/tag140.xml"/><Relationship Id="rId104" Type="http://schemas.openxmlformats.org/officeDocument/2006/relationships/tags" Target="../tags/tag147.xml"/><Relationship Id="rId7" Type="http://schemas.openxmlformats.org/officeDocument/2006/relationships/tags" Target="../tags/tag50.xml"/><Relationship Id="rId71" Type="http://schemas.openxmlformats.org/officeDocument/2006/relationships/tags" Target="../tags/tag114.xml"/><Relationship Id="rId92" Type="http://schemas.openxmlformats.org/officeDocument/2006/relationships/tags" Target="../tags/tag135.xml"/><Relationship Id="rId2" Type="http://schemas.openxmlformats.org/officeDocument/2006/relationships/tags" Target="../tags/tag45.xml"/><Relationship Id="rId29" Type="http://schemas.openxmlformats.org/officeDocument/2006/relationships/tags" Target="../tags/tag72.xml"/><Relationship Id="rId24" Type="http://schemas.openxmlformats.org/officeDocument/2006/relationships/tags" Target="../tags/tag67.xml"/><Relationship Id="rId40" Type="http://schemas.openxmlformats.org/officeDocument/2006/relationships/tags" Target="../tags/tag83.xml"/><Relationship Id="rId45" Type="http://schemas.openxmlformats.org/officeDocument/2006/relationships/tags" Target="../tags/tag88.xml"/><Relationship Id="rId66" Type="http://schemas.openxmlformats.org/officeDocument/2006/relationships/tags" Target="../tags/tag109.xml"/><Relationship Id="rId87" Type="http://schemas.openxmlformats.org/officeDocument/2006/relationships/tags" Target="../tags/tag130.xml"/><Relationship Id="rId61" Type="http://schemas.openxmlformats.org/officeDocument/2006/relationships/tags" Target="../tags/tag104.xml"/><Relationship Id="rId82" Type="http://schemas.openxmlformats.org/officeDocument/2006/relationships/tags" Target="../tags/tag125.xml"/><Relationship Id="rId19" Type="http://schemas.openxmlformats.org/officeDocument/2006/relationships/tags" Target="../tags/tag62.xml"/><Relationship Id="rId14" Type="http://schemas.openxmlformats.org/officeDocument/2006/relationships/tags" Target="../tags/tag57.xml"/><Relationship Id="rId30" Type="http://schemas.openxmlformats.org/officeDocument/2006/relationships/tags" Target="../tags/tag73.xml"/><Relationship Id="rId35" Type="http://schemas.openxmlformats.org/officeDocument/2006/relationships/tags" Target="../tags/tag78.xml"/><Relationship Id="rId56" Type="http://schemas.openxmlformats.org/officeDocument/2006/relationships/tags" Target="../tags/tag99.xml"/><Relationship Id="rId77" Type="http://schemas.openxmlformats.org/officeDocument/2006/relationships/tags" Target="../tags/tag120.xml"/><Relationship Id="rId100" Type="http://schemas.openxmlformats.org/officeDocument/2006/relationships/tags" Target="../tags/tag143.xml"/><Relationship Id="rId105" Type="http://schemas.openxmlformats.org/officeDocument/2006/relationships/tags" Target="../tags/tag148.xml"/><Relationship Id="rId8" Type="http://schemas.openxmlformats.org/officeDocument/2006/relationships/tags" Target="../tags/tag51.xml"/><Relationship Id="rId51" Type="http://schemas.openxmlformats.org/officeDocument/2006/relationships/tags" Target="../tags/tag94.xml"/><Relationship Id="rId72" Type="http://schemas.openxmlformats.org/officeDocument/2006/relationships/tags" Target="../tags/tag115.xml"/><Relationship Id="rId93" Type="http://schemas.openxmlformats.org/officeDocument/2006/relationships/tags" Target="../tags/tag136.xml"/><Relationship Id="rId98" Type="http://schemas.openxmlformats.org/officeDocument/2006/relationships/tags" Target="../tags/tag141.xml"/><Relationship Id="rId3" Type="http://schemas.openxmlformats.org/officeDocument/2006/relationships/tags" Target="../tags/tag46.xml"/><Relationship Id="rId25" Type="http://schemas.openxmlformats.org/officeDocument/2006/relationships/tags" Target="../tags/tag68.xml"/><Relationship Id="rId46" Type="http://schemas.openxmlformats.org/officeDocument/2006/relationships/tags" Target="../tags/tag89.xml"/><Relationship Id="rId67" Type="http://schemas.openxmlformats.org/officeDocument/2006/relationships/tags" Target="../tags/tag110.xml"/></Relationships>
</file>

<file path=ppt/slides/_rels/slide8.xml.rels><?xml version="1.0" encoding="UTF-8" standalone="yes"?>
<Relationships xmlns="http://schemas.openxmlformats.org/package/2006/relationships"><Relationship Id="rId2" Type="http://schemas.openxmlformats.org/officeDocument/2006/relationships/image" Target="../media/image15.emf"/><Relationship Id="rId1" Type="http://schemas.openxmlformats.org/officeDocument/2006/relationships/slideLayout" Target="../slideLayouts/slideLayout9.xml"/></Relationships>
</file>

<file path=ppt/slides/_rels/slide9.xml.rels><?xml version="1.0" encoding="UTF-8" standalone="yes"?>
<Relationships xmlns="http://schemas.openxmlformats.org/package/2006/relationships"><Relationship Id="rId3" Type="http://schemas.openxmlformats.org/officeDocument/2006/relationships/image" Target="../media/image16.png"/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9.xml"/><Relationship Id="rId4" Type="http://schemas.openxmlformats.org/officeDocument/2006/relationships/image" Target="../media/image17.png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074" name="Picture 10" descr="2">
            <a:extLst>
              <a:ext uri="{FF2B5EF4-FFF2-40B4-BE49-F238E27FC236}">
                <a16:creationId xmlns:a16="http://schemas.microsoft.com/office/drawing/2014/main" id="{7CC63E9D-6895-4804-83EB-1948F52A1B82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0" y="0"/>
            <a:ext cx="9144000" cy="6859588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3075" name="Rectangle 11">
            <a:extLst>
              <a:ext uri="{FF2B5EF4-FFF2-40B4-BE49-F238E27FC236}">
                <a16:creationId xmlns:a16="http://schemas.microsoft.com/office/drawing/2014/main" id="{56930872-1753-4C67-8007-D7F17A78D6D5}"/>
              </a:ext>
            </a:extLst>
          </p:cNvPr>
          <p:cNvSpPr>
            <a:spLocks noGrp="1" noChangeArrowheads="1"/>
          </p:cNvSpPr>
          <p:nvPr>
            <p:ph type="ctrTitle"/>
          </p:nvPr>
        </p:nvSpPr>
        <p:spPr>
          <a:xfrm>
            <a:off x="457200" y="2132013"/>
            <a:ext cx="8229600" cy="1981200"/>
          </a:xfrm>
        </p:spPr>
        <p:txBody>
          <a:bodyPr anchor="ctr"/>
          <a:lstStyle/>
          <a:p>
            <a:pPr eaLnBrk="1" hangingPunct="1">
              <a:defRPr/>
            </a:pPr>
            <a:r>
              <a:rPr lang="en-US" altLang="zh-CN" sz="4400" b="1" dirty="0" err="1">
                <a:solidFill>
                  <a:schemeClr val="bg1"/>
                </a:solidFill>
                <a:latin typeface="+mn-lt"/>
                <a:ea typeface="+mn-ea"/>
                <a:cs typeface="+mn-ea"/>
                <a:sym typeface="+mn-lt"/>
              </a:rPr>
              <a:t>SiPM</a:t>
            </a:r>
            <a:r>
              <a:rPr lang="en-US" altLang="zh-CN" sz="4400" b="1" dirty="0">
                <a:solidFill>
                  <a:schemeClr val="bg1"/>
                </a:solidFill>
                <a:latin typeface="+mn-lt"/>
                <a:ea typeface="+mn-ea"/>
                <a:cs typeface="+mn-ea"/>
                <a:sym typeface="+mn-lt"/>
              </a:rPr>
              <a:t> </a:t>
            </a:r>
            <a:r>
              <a:rPr lang="zh-CN" altLang="en-US" sz="4400" b="1" dirty="0">
                <a:solidFill>
                  <a:schemeClr val="bg1"/>
                </a:solidFill>
                <a:latin typeface="+mn-lt"/>
                <a:ea typeface="+mn-ea"/>
                <a:cs typeface="+mn-ea"/>
                <a:sym typeface="+mn-lt"/>
              </a:rPr>
              <a:t>测试</a:t>
            </a:r>
            <a:endParaRPr lang="zh-CN" altLang="zh-CN" sz="4400" b="1" dirty="0">
              <a:solidFill>
                <a:schemeClr val="bg1"/>
              </a:solidFill>
              <a:latin typeface="+mn-lt"/>
              <a:ea typeface="+mn-ea"/>
              <a:cs typeface="+mn-ea"/>
              <a:sym typeface="+mn-lt"/>
            </a:endParaRPr>
          </a:p>
        </p:txBody>
      </p:sp>
      <p:sp>
        <p:nvSpPr>
          <p:cNvPr id="3076" name="Rectangle 12">
            <a:extLst>
              <a:ext uri="{FF2B5EF4-FFF2-40B4-BE49-F238E27FC236}">
                <a16:creationId xmlns:a16="http://schemas.microsoft.com/office/drawing/2014/main" id="{E2B2CE97-30DD-4DCC-9817-F5778BBFDA7C}"/>
              </a:ext>
            </a:extLst>
          </p:cNvPr>
          <p:cNvSpPr>
            <a:spLocks noGrp="1" noChangeArrowheads="1"/>
          </p:cNvSpPr>
          <p:nvPr>
            <p:ph type="subTitle" idx="1"/>
          </p:nvPr>
        </p:nvSpPr>
        <p:spPr>
          <a:xfrm>
            <a:off x="2324100" y="5102224"/>
            <a:ext cx="4495800" cy="1374775"/>
          </a:xfrm>
        </p:spPr>
        <p:txBody>
          <a:bodyPr>
            <a:normAutofit/>
          </a:bodyPr>
          <a:lstStyle/>
          <a:p>
            <a:pPr eaLnBrk="1" hangingPunct="1">
              <a:defRPr/>
            </a:pPr>
            <a:endParaRPr lang="en-US" altLang="zh-CN" b="1" dirty="0">
              <a:ea typeface="+mn-ea"/>
              <a:cs typeface="+mn-ea"/>
              <a:sym typeface="+mn-lt"/>
            </a:endParaRPr>
          </a:p>
          <a:p>
            <a:pPr eaLnBrk="1" hangingPunct="1">
              <a:defRPr/>
            </a:pPr>
            <a:r>
              <a:rPr lang="en-US" altLang="zh-CN" b="1" dirty="0">
                <a:ea typeface="+mn-ea"/>
                <a:cs typeface="+mn-ea"/>
                <a:sym typeface="+mn-lt"/>
              </a:rPr>
              <a:t>2025</a:t>
            </a:r>
            <a:r>
              <a:rPr lang="zh-CN" altLang="en-US" b="1" dirty="0">
                <a:ea typeface="+mn-ea"/>
                <a:cs typeface="+mn-ea"/>
                <a:sym typeface="+mn-lt"/>
              </a:rPr>
              <a:t>年</a:t>
            </a:r>
            <a:r>
              <a:rPr lang="en-US" altLang="zh-CN" b="1" dirty="0">
                <a:ea typeface="+mn-ea"/>
                <a:cs typeface="+mn-ea"/>
                <a:sym typeface="+mn-lt"/>
              </a:rPr>
              <a:t>06</a:t>
            </a:r>
            <a:r>
              <a:rPr lang="zh-CN" altLang="en-US" b="1" dirty="0">
                <a:ea typeface="+mn-ea"/>
                <a:cs typeface="+mn-ea"/>
                <a:sym typeface="+mn-lt"/>
              </a:rPr>
              <a:t>月</a:t>
            </a:r>
            <a:r>
              <a:rPr lang="en-US" altLang="zh-CN" b="1" dirty="0">
                <a:ea typeface="+mn-ea"/>
                <a:cs typeface="+mn-ea"/>
                <a:sym typeface="+mn-lt"/>
              </a:rPr>
              <a:t>17</a:t>
            </a:r>
            <a:r>
              <a:rPr lang="zh-CN" altLang="en-US" b="1" dirty="0">
                <a:ea typeface="+mn-ea"/>
                <a:cs typeface="+mn-ea"/>
                <a:sym typeface="+mn-lt"/>
              </a:rPr>
              <a:t>日</a:t>
            </a:r>
            <a:endParaRPr lang="en-US" altLang="zh-CN" b="1" dirty="0">
              <a:ea typeface="+mn-ea"/>
              <a:cs typeface="+mn-ea"/>
              <a:sym typeface="+mn-lt"/>
            </a:endParaRPr>
          </a:p>
          <a:p>
            <a:pPr eaLnBrk="1" hangingPunct="1">
              <a:defRPr/>
            </a:pPr>
            <a:r>
              <a:rPr lang="zh-CN" altLang="en-US" b="1" dirty="0">
                <a:ea typeface="+mn-ea"/>
                <a:cs typeface="+mn-ea"/>
                <a:sym typeface="+mn-lt"/>
              </a:rPr>
              <a:t>叶昌庆</a:t>
            </a:r>
            <a:endParaRPr lang="en-US" altLang="zh-CN" b="1" dirty="0">
              <a:ea typeface="+mn-ea"/>
              <a:cs typeface="+mn-ea"/>
              <a:sym typeface="+mn-lt"/>
            </a:endParaRPr>
          </a:p>
          <a:p>
            <a:pPr eaLnBrk="1" hangingPunct="1">
              <a:defRPr/>
            </a:pPr>
            <a:endParaRPr lang="en-US" altLang="zh-CN" b="1" dirty="0">
              <a:ea typeface="+mn-ea"/>
              <a:cs typeface="+mn-ea"/>
              <a:sym typeface="+mn-lt"/>
            </a:endParaRPr>
          </a:p>
          <a:p>
            <a:pPr eaLnBrk="1" hangingPunct="1">
              <a:defRPr/>
            </a:pPr>
            <a:endParaRPr lang="en-US" altLang="zh-CN" b="1" dirty="0">
              <a:ea typeface="+mn-ea"/>
              <a:cs typeface="+mn-ea"/>
              <a:sym typeface="+mn-lt"/>
            </a:endParaRPr>
          </a:p>
        </p:txBody>
      </p:sp>
      <p:sp>
        <p:nvSpPr>
          <p:cNvPr id="2" name="灯片编号占位符 1">
            <a:extLst>
              <a:ext uri="{FF2B5EF4-FFF2-40B4-BE49-F238E27FC236}">
                <a16:creationId xmlns:a16="http://schemas.microsoft.com/office/drawing/2014/main" id="{782B0452-FACA-4046-B3F0-E07FD666475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330181D9-487F-424F-A4D5-93BA9AD789F5}" type="slidenum">
              <a:rPr lang="en-US" altLang="zh-CN" smtClean="0"/>
              <a:pPr>
                <a:defRPr/>
              </a:pPr>
              <a:t>1</a:t>
            </a:fld>
            <a:endParaRPr lang="en-US" altLang="zh-CN" dirty="0"/>
          </a:p>
        </p:txBody>
      </p:sp>
    </p:spTree>
    <p:extLst>
      <p:ext uri="{BB962C8B-B14F-4D97-AF65-F5344CB8AC3E}">
        <p14:creationId xmlns:p14="http://schemas.microsoft.com/office/powerpoint/2010/main" val="4166745147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灯片编号占位符 1">
            <a:extLst>
              <a:ext uri="{FF2B5EF4-FFF2-40B4-BE49-F238E27FC236}">
                <a16:creationId xmlns:a16="http://schemas.microsoft.com/office/drawing/2014/main" id="{B142B3BB-6FE4-461C-97C3-D68195FDC67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C58DEF2B-8039-4C1E-A573-46AE1706B516}" type="slidenum">
              <a:rPr lang="en-US" altLang="zh-CN" smtClean="0"/>
              <a:pPr>
                <a:defRPr/>
              </a:pPr>
              <a:t>10</a:t>
            </a:fld>
            <a:endParaRPr lang="en-US" altLang="zh-CN" dirty="0"/>
          </a:p>
        </p:txBody>
      </p:sp>
      <p:sp>
        <p:nvSpPr>
          <p:cNvPr id="3" name="文本占位符 2">
            <a:extLst>
              <a:ext uri="{FF2B5EF4-FFF2-40B4-BE49-F238E27FC236}">
                <a16:creationId xmlns:a16="http://schemas.microsoft.com/office/drawing/2014/main" id="{C5B8660D-9EBC-4DCA-BFAB-DAE182126CB2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/>
        <p:txBody>
          <a:bodyPr/>
          <a:lstStyle/>
          <a:p>
            <a:r>
              <a:rPr lang="en-US" altLang="zh-CN" dirty="0"/>
              <a:t>FPGA </a:t>
            </a:r>
            <a:r>
              <a:rPr lang="zh-CN" altLang="en-US" dirty="0"/>
              <a:t>母板</a:t>
            </a:r>
          </a:p>
        </p:txBody>
      </p:sp>
    </p:spTree>
    <p:extLst>
      <p:ext uri="{BB962C8B-B14F-4D97-AF65-F5344CB8AC3E}">
        <p14:creationId xmlns:p14="http://schemas.microsoft.com/office/powerpoint/2010/main" val="466400390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灯片编号占位符 1">
            <a:extLst>
              <a:ext uri="{FF2B5EF4-FFF2-40B4-BE49-F238E27FC236}">
                <a16:creationId xmlns:a16="http://schemas.microsoft.com/office/drawing/2014/main" id="{B59184AA-EE6F-4EAD-8804-82C363893BA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C58DEF2B-8039-4C1E-A573-46AE1706B516}" type="slidenum">
              <a:rPr lang="en-US" altLang="zh-CN" smtClean="0"/>
              <a:pPr>
                <a:defRPr/>
              </a:pPr>
              <a:t>2</a:t>
            </a:fld>
            <a:endParaRPr lang="en-US" altLang="zh-CN" dirty="0"/>
          </a:p>
        </p:txBody>
      </p:sp>
      <p:sp>
        <p:nvSpPr>
          <p:cNvPr id="3" name="文本占位符 2">
            <a:extLst>
              <a:ext uri="{FF2B5EF4-FFF2-40B4-BE49-F238E27FC236}">
                <a16:creationId xmlns:a16="http://schemas.microsoft.com/office/drawing/2014/main" id="{940EED2A-CF9A-4683-8C64-8BE01D471D75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/>
        <p:txBody>
          <a:bodyPr>
            <a:normAutofit/>
          </a:bodyPr>
          <a:lstStyle/>
          <a:p>
            <a:r>
              <a:rPr lang="en-US" altLang="zh-CN" dirty="0" err="1"/>
              <a:t>SiPM</a:t>
            </a:r>
            <a:r>
              <a:rPr lang="zh-CN" altLang="en-US" dirty="0"/>
              <a:t>读出电子学进展</a:t>
            </a:r>
          </a:p>
        </p:txBody>
      </p:sp>
      <p:sp>
        <p:nvSpPr>
          <p:cNvPr id="4" name="文本框 3">
            <a:extLst>
              <a:ext uri="{FF2B5EF4-FFF2-40B4-BE49-F238E27FC236}">
                <a16:creationId xmlns:a16="http://schemas.microsoft.com/office/drawing/2014/main" id="{732AD76A-E30F-4894-B935-E0CE8C324D0E}"/>
              </a:ext>
            </a:extLst>
          </p:cNvPr>
          <p:cNvSpPr txBox="1"/>
          <p:nvPr/>
        </p:nvSpPr>
        <p:spPr>
          <a:xfrm>
            <a:off x="183486" y="2219941"/>
            <a:ext cx="7848600" cy="452431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285750" indent="-285750">
              <a:buFont typeface="Wingdings" panose="05000000000000000000" pitchFamily="2" charset="2"/>
              <a:buChar char="p"/>
            </a:pPr>
            <a:r>
              <a:rPr lang="en-US" altLang="zh-CN" sz="1600" dirty="0" err="1"/>
              <a:t>SiPM</a:t>
            </a:r>
            <a:r>
              <a:rPr lang="en-US" altLang="zh-CN" sz="1600" dirty="0"/>
              <a:t> </a:t>
            </a:r>
            <a:r>
              <a:rPr lang="zh-CN" altLang="en-US" sz="1600" dirty="0"/>
              <a:t>载板</a:t>
            </a:r>
            <a:endParaRPr lang="en-US" altLang="zh-CN" sz="1600" dirty="0"/>
          </a:p>
          <a:p>
            <a:pPr marL="742950" lvl="1" indent="-285750">
              <a:buFont typeface="Wingdings" panose="05000000000000000000" pitchFamily="2" charset="2"/>
              <a:buChar char="Ø"/>
            </a:pPr>
            <a:r>
              <a:rPr lang="zh-CN" altLang="en-US" sz="1400" dirty="0"/>
              <a:t>主要功能：</a:t>
            </a:r>
            <a:r>
              <a:rPr lang="en-US" altLang="zh-CN" sz="1400" dirty="0" err="1"/>
              <a:t>SiPM</a:t>
            </a:r>
            <a:r>
              <a:rPr lang="en-US" altLang="zh-CN" sz="1400" dirty="0"/>
              <a:t> </a:t>
            </a:r>
            <a:r>
              <a:rPr lang="zh-CN" altLang="en-US" sz="1400" dirty="0"/>
              <a:t>载板，测试时与</a:t>
            </a:r>
            <a:r>
              <a:rPr lang="en-US" altLang="zh-CN" sz="1400" dirty="0"/>
              <a:t>LED </a:t>
            </a:r>
            <a:r>
              <a:rPr lang="zh-CN" altLang="en-US" sz="1400" dirty="0"/>
              <a:t>载板共同使用</a:t>
            </a:r>
            <a:endParaRPr lang="en-US" altLang="zh-CN" sz="1400" dirty="0"/>
          </a:p>
          <a:p>
            <a:pPr marL="742950" lvl="1" indent="-285750">
              <a:buFont typeface="Wingdings" panose="05000000000000000000" pitchFamily="2" charset="2"/>
              <a:buChar char="Ø"/>
            </a:pPr>
            <a:r>
              <a:rPr lang="zh-CN" altLang="en-US" sz="1400" dirty="0"/>
              <a:t>进度：</a:t>
            </a:r>
            <a:r>
              <a:rPr lang="zh-CN" altLang="en-US" sz="1400" dirty="0">
                <a:solidFill>
                  <a:srgbClr val="00B050"/>
                </a:solidFill>
              </a:rPr>
              <a:t>单板全部功能测试正常</a:t>
            </a:r>
            <a:endParaRPr lang="en-US" altLang="zh-CN" sz="1400" dirty="0">
              <a:solidFill>
                <a:srgbClr val="00B050"/>
              </a:solidFill>
            </a:endParaRPr>
          </a:p>
          <a:p>
            <a:pPr marL="285750" indent="-285750">
              <a:buFont typeface="Wingdings" panose="05000000000000000000" pitchFamily="2" charset="2"/>
              <a:buChar char="p"/>
            </a:pPr>
            <a:r>
              <a:rPr lang="zh-CN" altLang="en-US" sz="1600" dirty="0"/>
              <a:t>放大板</a:t>
            </a:r>
            <a:endParaRPr lang="en-US" altLang="zh-CN" sz="1600" dirty="0"/>
          </a:p>
          <a:p>
            <a:pPr marL="742950" lvl="1" indent="-285750">
              <a:buFont typeface="Wingdings" panose="05000000000000000000" pitchFamily="2" charset="2"/>
              <a:buChar char="Ø"/>
            </a:pPr>
            <a:r>
              <a:rPr lang="zh-CN" altLang="en-US" sz="1400" dirty="0"/>
              <a:t>主要功能</a:t>
            </a:r>
            <a:endParaRPr lang="en-US" altLang="zh-CN" sz="1400" dirty="0"/>
          </a:p>
          <a:p>
            <a:pPr lvl="2"/>
            <a:r>
              <a:rPr lang="zh-CN" altLang="en-US" sz="1400" dirty="0"/>
              <a:t>能量信息</a:t>
            </a:r>
            <a:endParaRPr lang="en-US" altLang="zh-CN" sz="1400" dirty="0"/>
          </a:p>
          <a:p>
            <a:pPr marL="1200150" lvl="2" indent="-285750">
              <a:buFont typeface="Arial" panose="020B0604020202020204" pitchFamily="34" charset="0"/>
              <a:buChar char="•"/>
            </a:pPr>
            <a:r>
              <a:rPr lang="zh-CN" altLang="en-US" sz="1400" dirty="0"/>
              <a:t>高低增益放大适配更大动态范围光子数（</a:t>
            </a:r>
            <a:r>
              <a:rPr lang="en-US" altLang="zh-CN" sz="1400" dirty="0"/>
              <a:t>×10</a:t>
            </a:r>
            <a:r>
              <a:rPr lang="zh-CN" altLang="en-US" sz="1400" dirty="0"/>
              <a:t> </a:t>
            </a:r>
            <a:r>
              <a:rPr lang="en-US" altLang="zh-CN" sz="1400" dirty="0"/>
              <a:t>&amp;</a:t>
            </a:r>
            <a:r>
              <a:rPr lang="zh-CN" altLang="en-US" sz="1400" dirty="0"/>
              <a:t> </a:t>
            </a:r>
            <a:r>
              <a:rPr lang="en-US" altLang="zh-CN" sz="1400" dirty="0"/>
              <a:t>×100</a:t>
            </a:r>
            <a:r>
              <a:rPr lang="zh-CN" altLang="en-US" sz="1400" dirty="0"/>
              <a:t>）</a:t>
            </a:r>
            <a:endParaRPr lang="en-US" altLang="zh-CN" sz="1400" dirty="0"/>
          </a:p>
          <a:p>
            <a:pPr marL="1200150" lvl="2" indent="-285750">
              <a:buFont typeface="Arial" panose="020B0604020202020204" pitchFamily="34" charset="0"/>
              <a:buChar char="•"/>
            </a:pPr>
            <a:r>
              <a:rPr lang="zh-CN" altLang="en-US" sz="1400" dirty="0"/>
              <a:t>成形滤波，使上升沿减缓，提高采样精度降低后端采集压力</a:t>
            </a:r>
            <a:endParaRPr lang="en-US" altLang="zh-CN" sz="1400" dirty="0"/>
          </a:p>
          <a:p>
            <a:pPr lvl="2"/>
            <a:r>
              <a:rPr lang="zh-CN" altLang="en-US" sz="1400" dirty="0"/>
              <a:t>时间信息</a:t>
            </a:r>
            <a:endParaRPr lang="en-US" altLang="zh-CN" sz="1400" dirty="0"/>
          </a:p>
          <a:p>
            <a:pPr marL="1200150" lvl="2" indent="-285750">
              <a:buFont typeface="Arial" panose="020B0604020202020204" pitchFamily="34" charset="0"/>
              <a:buChar char="•"/>
            </a:pPr>
            <a:r>
              <a:rPr lang="zh-CN" altLang="en-US" sz="1400" dirty="0"/>
              <a:t>甄别器</a:t>
            </a:r>
            <a:endParaRPr lang="en-US" altLang="zh-CN" sz="1400" dirty="0"/>
          </a:p>
          <a:p>
            <a:pPr lvl="2"/>
            <a:r>
              <a:rPr lang="zh-CN" altLang="en-US" sz="1400" dirty="0"/>
              <a:t>高压模块</a:t>
            </a:r>
            <a:endParaRPr lang="en-US" altLang="zh-CN" sz="1400" dirty="0"/>
          </a:p>
          <a:p>
            <a:pPr marL="742950" lvl="1" indent="-285750">
              <a:buFont typeface="Wingdings" panose="05000000000000000000" pitchFamily="2" charset="2"/>
              <a:buChar char="Ø"/>
            </a:pPr>
            <a:r>
              <a:rPr lang="zh-CN" altLang="en-US" sz="1400" dirty="0"/>
              <a:t>进度：</a:t>
            </a:r>
            <a:r>
              <a:rPr lang="zh-CN" altLang="en-US" sz="1400" dirty="0">
                <a:solidFill>
                  <a:srgbClr val="FF0000"/>
                </a:solidFill>
              </a:rPr>
              <a:t>除高压模块外</a:t>
            </a:r>
            <a:r>
              <a:rPr lang="zh-CN" altLang="en-US" sz="1400" dirty="0"/>
              <a:t>，</a:t>
            </a:r>
            <a:r>
              <a:rPr lang="zh-CN" altLang="en-US" sz="1400" dirty="0">
                <a:solidFill>
                  <a:srgbClr val="00B050"/>
                </a:solidFill>
              </a:rPr>
              <a:t>单板全部功能测试正常</a:t>
            </a:r>
            <a:endParaRPr lang="en-US" altLang="zh-CN" sz="1400" dirty="0"/>
          </a:p>
          <a:p>
            <a:pPr marL="285750" indent="-285750">
              <a:buFont typeface="Wingdings" panose="05000000000000000000" pitchFamily="2" charset="2"/>
              <a:buChar char="p"/>
            </a:pPr>
            <a:r>
              <a:rPr lang="zh-CN" altLang="en-US" sz="1600" dirty="0"/>
              <a:t>采集板</a:t>
            </a:r>
            <a:endParaRPr lang="en-US" altLang="zh-CN" sz="1600" dirty="0"/>
          </a:p>
          <a:p>
            <a:pPr marL="742950" lvl="1" indent="-285750">
              <a:buFont typeface="Wingdings" panose="05000000000000000000" pitchFamily="2" charset="2"/>
              <a:buChar char="Ø"/>
            </a:pPr>
            <a:r>
              <a:rPr lang="zh-CN" altLang="en-US" sz="1400" dirty="0"/>
              <a:t>主要功能：通过</a:t>
            </a:r>
            <a:r>
              <a:rPr lang="en-US" altLang="zh-CN" sz="1400" dirty="0"/>
              <a:t>ADC</a:t>
            </a:r>
            <a:r>
              <a:rPr lang="zh-CN" altLang="en-US" sz="1400" dirty="0"/>
              <a:t>将能量信息数字化</a:t>
            </a:r>
            <a:endParaRPr lang="en-US" altLang="zh-CN" sz="1400" dirty="0"/>
          </a:p>
          <a:p>
            <a:pPr marL="742950" lvl="1" indent="-285750">
              <a:buFont typeface="Wingdings" panose="05000000000000000000" pitchFamily="2" charset="2"/>
              <a:buChar char="Ø"/>
            </a:pPr>
            <a:r>
              <a:rPr lang="zh-CN" altLang="en-US" sz="1400" dirty="0"/>
              <a:t>进度：</a:t>
            </a:r>
            <a:r>
              <a:rPr lang="zh-CN" altLang="en-US" sz="1400" dirty="0">
                <a:solidFill>
                  <a:srgbClr val="FF0000"/>
                </a:solidFill>
              </a:rPr>
              <a:t>设计完成，焊接中</a:t>
            </a:r>
            <a:endParaRPr lang="en-US" altLang="zh-CN" sz="1400" dirty="0">
              <a:solidFill>
                <a:srgbClr val="FF0000"/>
              </a:solidFill>
            </a:endParaRPr>
          </a:p>
          <a:p>
            <a:pPr marL="285750" indent="-285750">
              <a:buFont typeface="Wingdings" panose="05000000000000000000" pitchFamily="2" charset="2"/>
              <a:buChar char="p"/>
            </a:pPr>
            <a:r>
              <a:rPr lang="zh-CN" altLang="en-US" sz="1600" dirty="0"/>
              <a:t>数据处理板（开发板）</a:t>
            </a:r>
            <a:endParaRPr lang="en-US" altLang="zh-CN" sz="1600" dirty="0"/>
          </a:p>
          <a:p>
            <a:pPr marL="742950" lvl="1" indent="-285750">
              <a:buFont typeface="Wingdings" panose="05000000000000000000" pitchFamily="2" charset="2"/>
              <a:buChar char="Ø"/>
            </a:pPr>
            <a:r>
              <a:rPr lang="zh-CN" altLang="en-US" sz="1400" dirty="0"/>
              <a:t>主要功能</a:t>
            </a:r>
            <a:endParaRPr lang="en-US" altLang="zh-CN" sz="1400" dirty="0"/>
          </a:p>
          <a:p>
            <a:pPr marL="1200150" lvl="2" indent="-285750">
              <a:buFont typeface="Arial" panose="020B0604020202020204" pitchFamily="34" charset="0"/>
              <a:buChar char="•"/>
            </a:pPr>
            <a:r>
              <a:rPr lang="zh-CN" altLang="en-US" sz="1400" dirty="0"/>
              <a:t>将能量信息传递给上位机做能谱分析</a:t>
            </a:r>
            <a:endParaRPr lang="en-US" altLang="zh-CN" sz="1400" dirty="0"/>
          </a:p>
          <a:p>
            <a:pPr marL="1200150" lvl="2" indent="-285750">
              <a:buFont typeface="Arial" panose="020B0604020202020204" pitchFamily="34" charset="0"/>
              <a:buChar char="•"/>
            </a:pPr>
            <a:r>
              <a:rPr lang="en-US" altLang="zh-CN" sz="1400" dirty="0"/>
              <a:t>TDC</a:t>
            </a:r>
            <a:r>
              <a:rPr lang="zh-CN" altLang="en-US" sz="1400" dirty="0"/>
              <a:t>，并将时间信息传递给上位机</a:t>
            </a:r>
            <a:endParaRPr lang="en-US" altLang="zh-CN" sz="1400" dirty="0"/>
          </a:p>
          <a:p>
            <a:pPr marL="742950" lvl="1" indent="-285750">
              <a:buFont typeface="Wingdings" panose="05000000000000000000" pitchFamily="2" charset="2"/>
              <a:buChar char="Ø"/>
            </a:pPr>
            <a:r>
              <a:rPr lang="zh-CN" altLang="en-US" sz="1400" dirty="0"/>
              <a:t>进度：</a:t>
            </a:r>
            <a:r>
              <a:rPr lang="zh-CN" altLang="en-US" sz="1400" dirty="0">
                <a:solidFill>
                  <a:srgbClr val="FF0000"/>
                </a:solidFill>
              </a:rPr>
              <a:t>已有代码</a:t>
            </a:r>
            <a:endParaRPr lang="en-US" altLang="zh-CN" sz="1400" dirty="0">
              <a:solidFill>
                <a:srgbClr val="FF0000"/>
              </a:solidFill>
            </a:endParaRPr>
          </a:p>
        </p:txBody>
      </p:sp>
      <p:pic>
        <p:nvPicPr>
          <p:cNvPr id="6" name="图片 5">
            <a:extLst>
              <a:ext uri="{FF2B5EF4-FFF2-40B4-BE49-F238E27FC236}">
                <a16:creationId xmlns:a16="http://schemas.microsoft.com/office/drawing/2014/main" id="{D948558C-EAF7-4FAE-A503-85F93C858C2A}"/>
              </a:ext>
            </a:extLst>
          </p:cNvPr>
          <p:cNvPicPr>
            <a:picLocks noChangeAspect="1"/>
          </p:cNvPicPr>
          <p:nvPr/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9167" t="8889" r="17500" b="28889"/>
          <a:stretch/>
        </p:blipFill>
        <p:spPr>
          <a:xfrm>
            <a:off x="7179072" y="2444865"/>
            <a:ext cx="1003169" cy="638380"/>
          </a:xfrm>
          <a:prstGeom prst="rect">
            <a:avLst/>
          </a:prstGeom>
        </p:spPr>
      </p:pic>
      <p:pic>
        <p:nvPicPr>
          <p:cNvPr id="7" name="图片 6" descr="FIGURE">
            <a:extLst>
              <a:ext uri="{FF2B5EF4-FFF2-40B4-BE49-F238E27FC236}">
                <a16:creationId xmlns:a16="http://schemas.microsoft.com/office/drawing/2014/main" id="{8EF10AD1-1331-4571-B91A-037C90699F7C}"/>
              </a:ext>
            </a:extLst>
          </p:cNvPr>
          <p:cNvPicPr/>
          <p:nvPr/>
        </p:nvPicPr>
        <p:blipFill>
          <a:blip r:embed="rId4"/>
          <a:stretch>
            <a:fillRect/>
          </a:stretch>
        </p:blipFill>
        <p:spPr>
          <a:xfrm>
            <a:off x="2262505" y="791902"/>
            <a:ext cx="4595495" cy="1694417"/>
          </a:xfrm>
          <a:prstGeom prst="rect">
            <a:avLst/>
          </a:prstGeom>
        </p:spPr>
      </p:pic>
      <p:pic>
        <p:nvPicPr>
          <p:cNvPr id="8" name="图片 7">
            <a:extLst>
              <a:ext uri="{FF2B5EF4-FFF2-40B4-BE49-F238E27FC236}">
                <a16:creationId xmlns:a16="http://schemas.microsoft.com/office/drawing/2014/main" id="{ADFA692D-73F9-4E2F-8946-17FC351DAED1}"/>
              </a:ext>
            </a:extLst>
          </p:cNvPr>
          <p:cNvPicPr>
            <a:picLocks noChangeAspect="1"/>
          </p:cNvPicPr>
          <p:nvPr/>
        </p:nvPicPr>
        <p:blipFill rotWithShape="1"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4469" t="9657" r="12038" b="7009"/>
          <a:stretch/>
        </p:blipFill>
        <p:spPr>
          <a:xfrm rot="16200000">
            <a:off x="6833449" y="2902135"/>
            <a:ext cx="1694416" cy="2254913"/>
          </a:xfrm>
          <a:prstGeom prst="rect">
            <a:avLst/>
          </a:prstGeom>
        </p:spPr>
      </p:pic>
      <p:pic>
        <p:nvPicPr>
          <p:cNvPr id="9" name="图片 8">
            <a:extLst>
              <a:ext uri="{FF2B5EF4-FFF2-40B4-BE49-F238E27FC236}">
                <a16:creationId xmlns:a16="http://schemas.microsoft.com/office/drawing/2014/main" id="{38EAE217-CE8B-4C4A-BA51-05B85C1ECD82}"/>
              </a:ext>
            </a:extLst>
          </p:cNvPr>
          <p:cNvPicPr>
            <a:picLocks noChangeAspect="1"/>
          </p:cNvPicPr>
          <p:nvPr/>
        </p:nvPicPr>
        <p:blipFill rotWithShape="1"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7407" t="1883" r="16611" b="2560"/>
          <a:stretch/>
        </p:blipFill>
        <p:spPr>
          <a:xfrm rot="16200000">
            <a:off x="6615457" y="4338874"/>
            <a:ext cx="1600199" cy="308991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991005775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5" name="组合 4">
            <a:extLst>
              <a:ext uri="{FF2B5EF4-FFF2-40B4-BE49-F238E27FC236}">
                <a16:creationId xmlns:a16="http://schemas.microsoft.com/office/drawing/2014/main" id="{199D43A3-2AEA-4D15-9AA3-8DED445FC800}"/>
              </a:ext>
            </a:extLst>
          </p:cNvPr>
          <p:cNvGrpSpPr/>
          <p:nvPr/>
        </p:nvGrpSpPr>
        <p:grpSpPr>
          <a:xfrm>
            <a:off x="227029" y="2386800"/>
            <a:ext cx="4320000" cy="1728000"/>
            <a:chOff x="121754" y="1515671"/>
            <a:chExt cx="4320000" cy="1728000"/>
          </a:xfrm>
        </p:grpSpPr>
        <p:pic>
          <p:nvPicPr>
            <p:cNvPr id="6" name="图片 5">
              <a:extLst>
                <a:ext uri="{FF2B5EF4-FFF2-40B4-BE49-F238E27FC236}">
                  <a16:creationId xmlns:a16="http://schemas.microsoft.com/office/drawing/2014/main" id="{A3C021B3-6117-463B-A112-9BAA952A90CD}"/>
                </a:ext>
              </a:extLst>
            </p:cNvPr>
            <p:cNvPicPr>
              <a:picLocks noChangeAspect="1"/>
            </p:cNvPicPr>
            <p:nvPr/>
          </p:nvPicPr>
          <p:blipFill>
            <a:blip r:embed="rId2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121754" y="1515671"/>
              <a:ext cx="4320000" cy="1728000"/>
            </a:xfrm>
            <a:prstGeom prst="rect">
              <a:avLst/>
            </a:prstGeom>
          </p:spPr>
        </p:pic>
        <p:sp>
          <p:nvSpPr>
            <p:cNvPr id="7" name="文本框 6">
              <a:extLst>
                <a:ext uri="{FF2B5EF4-FFF2-40B4-BE49-F238E27FC236}">
                  <a16:creationId xmlns:a16="http://schemas.microsoft.com/office/drawing/2014/main" id="{9B3F5557-42E1-4E8F-B5D2-6BB63AC21BFB}"/>
                </a:ext>
              </a:extLst>
            </p:cNvPr>
            <p:cNvSpPr txBox="1"/>
            <p:nvPr/>
          </p:nvSpPr>
          <p:spPr>
            <a:xfrm>
              <a:off x="2745738" y="2200415"/>
              <a:ext cx="800219" cy="338554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zh-CN" altLang="en-US" sz="1600" b="1" dirty="0">
                  <a:solidFill>
                    <a:srgbClr val="0070C0"/>
                  </a:solidFill>
                </a:rPr>
                <a:t>高增益</a:t>
              </a:r>
            </a:p>
          </p:txBody>
        </p:sp>
      </p:grpSp>
      <p:grpSp>
        <p:nvGrpSpPr>
          <p:cNvPr id="8" name="组合 7">
            <a:extLst>
              <a:ext uri="{FF2B5EF4-FFF2-40B4-BE49-F238E27FC236}">
                <a16:creationId xmlns:a16="http://schemas.microsoft.com/office/drawing/2014/main" id="{0AFB69A0-5973-4F4E-BAC7-83CAE6382A99}"/>
              </a:ext>
            </a:extLst>
          </p:cNvPr>
          <p:cNvGrpSpPr/>
          <p:nvPr/>
        </p:nvGrpSpPr>
        <p:grpSpPr>
          <a:xfrm>
            <a:off x="4736802" y="2386800"/>
            <a:ext cx="4320000" cy="1728000"/>
            <a:chOff x="4778477" y="1515671"/>
            <a:chExt cx="4320000" cy="1728000"/>
          </a:xfrm>
        </p:grpSpPr>
        <p:pic>
          <p:nvPicPr>
            <p:cNvPr id="9" name="图片 8">
              <a:extLst>
                <a:ext uri="{FF2B5EF4-FFF2-40B4-BE49-F238E27FC236}">
                  <a16:creationId xmlns:a16="http://schemas.microsoft.com/office/drawing/2014/main" id="{7B1B5515-AC32-4E3C-899E-B1B2B9BBD0DE}"/>
                </a:ext>
              </a:extLst>
            </p:cNvPr>
            <p:cNvPicPr>
              <a:picLocks noChangeAspect="1"/>
            </p:cNvPicPr>
            <p:nvPr/>
          </p:nvPicPr>
          <p:blipFill>
            <a:blip r:embed="rId3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4778477" y="1515671"/>
              <a:ext cx="4320000" cy="1728000"/>
            </a:xfrm>
            <a:prstGeom prst="rect">
              <a:avLst/>
            </a:prstGeom>
          </p:spPr>
        </p:pic>
        <p:sp>
          <p:nvSpPr>
            <p:cNvPr id="10" name="文本框 9">
              <a:extLst>
                <a:ext uri="{FF2B5EF4-FFF2-40B4-BE49-F238E27FC236}">
                  <a16:creationId xmlns:a16="http://schemas.microsoft.com/office/drawing/2014/main" id="{0AE2F222-6035-4B86-991A-0E89C2554B77}"/>
                </a:ext>
              </a:extLst>
            </p:cNvPr>
            <p:cNvSpPr txBox="1"/>
            <p:nvPr/>
          </p:nvSpPr>
          <p:spPr>
            <a:xfrm>
              <a:off x="7234476" y="2195113"/>
              <a:ext cx="800219" cy="338554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zh-CN" altLang="en-US" sz="1600" b="1" dirty="0">
                  <a:solidFill>
                    <a:srgbClr val="0070C0"/>
                  </a:solidFill>
                </a:rPr>
                <a:t>低增益</a:t>
              </a:r>
            </a:p>
          </p:txBody>
        </p:sp>
      </p:grpSp>
      <p:sp>
        <p:nvSpPr>
          <p:cNvPr id="2" name="灯片编号占位符 1">
            <a:extLst>
              <a:ext uri="{FF2B5EF4-FFF2-40B4-BE49-F238E27FC236}">
                <a16:creationId xmlns:a16="http://schemas.microsoft.com/office/drawing/2014/main" id="{23A98807-A4F1-4870-9F37-BACD7588307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C58DEF2B-8039-4C1E-A573-46AE1706B516}" type="slidenum">
              <a:rPr lang="en-US" altLang="zh-CN" smtClean="0"/>
              <a:pPr>
                <a:defRPr/>
              </a:pPr>
              <a:t>3</a:t>
            </a:fld>
            <a:endParaRPr lang="en-US" altLang="zh-CN" dirty="0"/>
          </a:p>
        </p:txBody>
      </p:sp>
      <p:sp>
        <p:nvSpPr>
          <p:cNvPr id="3" name="文本占位符 2">
            <a:extLst>
              <a:ext uri="{FF2B5EF4-FFF2-40B4-BE49-F238E27FC236}">
                <a16:creationId xmlns:a16="http://schemas.microsoft.com/office/drawing/2014/main" id="{A3F0E1EB-FF7E-43C1-A378-86C69800D63E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/>
        <p:txBody>
          <a:bodyPr/>
          <a:lstStyle/>
          <a:p>
            <a:r>
              <a:rPr lang="zh-CN" altLang="en-US" dirty="0"/>
              <a:t>测试进度</a:t>
            </a:r>
          </a:p>
        </p:txBody>
      </p:sp>
      <p:sp>
        <p:nvSpPr>
          <p:cNvPr id="4" name="文本框 3">
            <a:extLst>
              <a:ext uri="{FF2B5EF4-FFF2-40B4-BE49-F238E27FC236}">
                <a16:creationId xmlns:a16="http://schemas.microsoft.com/office/drawing/2014/main" id="{86C8EC15-54C1-42E8-AA14-D0E128C9C627}"/>
              </a:ext>
            </a:extLst>
          </p:cNvPr>
          <p:cNvSpPr txBox="1"/>
          <p:nvPr/>
        </p:nvSpPr>
        <p:spPr>
          <a:xfrm>
            <a:off x="76199" y="1143000"/>
            <a:ext cx="8840771" cy="503612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>
              <a:lnSpc>
                <a:spcPct val="150000"/>
              </a:lnSpc>
            </a:pPr>
            <a:r>
              <a:rPr lang="en-US" altLang="zh-CN" dirty="0" err="1"/>
              <a:t>SiPM</a:t>
            </a:r>
            <a:r>
              <a:rPr lang="zh-CN" altLang="en-US" dirty="0"/>
              <a:t>输出</a:t>
            </a:r>
            <a:r>
              <a:rPr lang="en-US" altLang="zh-CN" dirty="0" err="1"/>
              <a:t>Sout</a:t>
            </a:r>
            <a:r>
              <a:rPr lang="zh-CN" altLang="en-US" dirty="0"/>
              <a:t>，经由不含成形电路的放大板高低增益放大，最后由采集卡进行采集</a:t>
            </a:r>
            <a:endParaRPr lang="en-US" altLang="zh-CN" dirty="0"/>
          </a:p>
          <a:p>
            <a:pPr marL="285750" indent="-28575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US" altLang="zh-CN" dirty="0"/>
              <a:t>Baseline test</a:t>
            </a:r>
          </a:p>
          <a:p>
            <a:pPr>
              <a:lnSpc>
                <a:spcPct val="150000"/>
              </a:lnSpc>
            </a:pPr>
            <a:r>
              <a:rPr lang="zh-CN" altLang="en-US" dirty="0">
                <a:solidFill>
                  <a:srgbClr val="FF0000"/>
                </a:solidFill>
              </a:rPr>
              <a:t>高低增益实现单光子分辨</a:t>
            </a:r>
            <a:endParaRPr lang="en-US" altLang="zh-CN" dirty="0">
              <a:solidFill>
                <a:srgbClr val="FF0000"/>
              </a:solidFill>
            </a:endParaRPr>
          </a:p>
          <a:p>
            <a:pPr>
              <a:lnSpc>
                <a:spcPct val="150000"/>
              </a:lnSpc>
            </a:pPr>
            <a:endParaRPr lang="en-US" altLang="zh-CN" dirty="0">
              <a:solidFill>
                <a:srgbClr val="FF0000"/>
              </a:solidFill>
            </a:endParaRPr>
          </a:p>
          <a:p>
            <a:pPr>
              <a:lnSpc>
                <a:spcPct val="150000"/>
              </a:lnSpc>
            </a:pPr>
            <a:endParaRPr lang="en-US" altLang="zh-CN" dirty="0">
              <a:solidFill>
                <a:srgbClr val="FF0000"/>
              </a:solidFill>
            </a:endParaRPr>
          </a:p>
          <a:p>
            <a:pPr>
              <a:lnSpc>
                <a:spcPct val="150000"/>
              </a:lnSpc>
            </a:pPr>
            <a:endParaRPr lang="en-US" altLang="zh-CN" dirty="0">
              <a:solidFill>
                <a:srgbClr val="FF0000"/>
              </a:solidFill>
            </a:endParaRPr>
          </a:p>
          <a:p>
            <a:pPr>
              <a:lnSpc>
                <a:spcPct val="150000"/>
              </a:lnSpc>
            </a:pPr>
            <a:endParaRPr lang="en-US" altLang="zh-CN" dirty="0">
              <a:solidFill>
                <a:srgbClr val="FF0000"/>
              </a:solidFill>
            </a:endParaRPr>
          </a:p>
          <a:p>
            <a:pPr marL="285750" indent="-28575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zh-CN" altLang="en-US" dirty="0"/>
              <a:t>线性度和动态范围测试</a:t>
            </a:r>
            <a:endParaRPr lang="en-US" altLang="zh-CN" dirty="0"/>
          </a:p>
          <a:p>
            <a:pPr>
              <a:lnSpc>
                <a:spcPct val="150000"/>
              </a:lnSpc>
            </a:pPr>
            <a:r>
              <a:rPr lang="zh-CN" altLang="en-US" dirty="0">
                <a:solidFill>
                  <a:srgbClr val="FF0000"/>
                </a:solidFill>
              </a:rPr>
              <a:t>由于采集卡量程限制，初步实现</a:t>
            </a:r>
            <a:endParaRPr lang="en-US" altLang="zh-CN" dirty="0">
              <a:solidFill>
                <a:srgbClr val="FF0000"/>
              </a:solidFill>
            </a:endParaRPr>
          </a:p>
          <a:p>
            <a:pPr>
              <a:lnSpc>
                <a:spcPct val="150000"/>
              </a:lnSpc>
            </a:pPr>
            <a:r>
              <a:rPr lang="zh-CN" altLang="en-US" dirty="0">
                <a:solidFill>
                  <a:srgbClr val="FF0000"/>
                </a:solidFill>
              </a:rPr>
              <a:t>高增益：</a:t>
            </a:r>
            <a:r>
              <a:rPr lang="en-US" altLang="zh-CN" dirty="0">
                <a:solidFill>
                  <a:srgbClr val="FF0000"/>
                </a:solidFill>
              </a:rPr>
              <a:t>70</a:t>
            </a:r>
            <a:r>
              <a:rPr lang="zh-CN" altLang="en-US" dirty="0">
                <a:solidFill>
                  <a:srgbClr val="FF0000"/>
                </a:solidFill>
              </a:rPr>
              <a:t>个光子以下，线性度很好，可以探测到</a:t>
            </a:r>
            <a:r>
              <a:rPr lang="en-US" altLang="zh-CN" dirty="0">
                <a:solidFill>
                  <a:srgbClr val="FF0000"/>
                </a:solidFill>
              </a:rPr>
              <a:t>123</a:t>
            </a:r>
            <a:r>
              <a:rPr lang="zh-CN" altLang="en-US" dirty="0">
                <a:solidFill>
                  <a:srgbClr val="FF0000"/>
                </a:solidFill>
              </a:rPr>
              <a:t>个光子</a:t>
            </a:r>
            <a:endParaRPr lang="en-US" altLang="zh-CN" dirty="0">
              <a:solidFill>
                <a:srgbClr val="FF0000"/>
              </a:solidFill>
            </a:endParaRPr>
          </a:p>
          <a:p>
            <a:pPr>
              <a:lnSpc>
                <a:spcPct val="150000"/>
              </a:lnSpc>
            </a:pPr>
            <a:r>
              <a:rPr lang="zh-CN" altLang="en-US" dirty="0">
                <a:solidFill>
                  <a:srgbClr val="FF0000"/>
                </a:solidFill>
              </a:rPr>
              <a:t>低增益：</a:t>
            </a:r>
            <a:r>
              <a:rPr lang="en-US" altLang="zh-CN" dirty="0">
                <a:solidFill>
                  <a:srgbClr val="FF0000"/>
                </a:solidFill>
              </a:rPr>
              <a:t>614</a:t>
            </a:r>
            <a:r>
              <a:rPr lang="zh-CN" altLang="en-US" dirty="0">
                <a:solidFill>
                  <a:srgbClr val="FF0000"/>
                </a:solidFill>
              </a:rPr>
              <a:t>个光子以下，线性度很好，可以探测到</a:t>
            </a:r>
            <a:r>
              <a:rPr lang="en-US" altLang="zh-CN" dirty="0">
                <a:solidFill>
                  <a:srgbClr val="FF0000"/>
                </a:solidFill>
              </a:rPr>
              <a:t>955</a:t>
            </a:r>
            <a:r>
              <a:rPr lang="zh-CN" altLang="en-US" dirty="0">
                <a:solidFill>
                  <a:srgbClr val="FF0000"/>
                </a:solidFill>
              </a:rPr>
              <a:t>个光子</a:t>
            </a:r>
            <a:endParaRPr lang="en-US" altLang="zh-CN" dirty="0">
              <a:solidFill>
                <a:srgbClr val="FF0000"/>
              </a:solidFill>
            </a:endParaRPr>
          </a:p>
          <a:p>
            <a:pPr>
              <a:lnSpc>
                <a:spcPct val="150000"/>
              </a:lnSpc>
            </a:pPr>
            <a:r>
              <a:rPr lang="zh-CN" altLang="en-US" dirty="0">
                <a:solidFill>
                  <a:srgbClr val="FF0000"/>
                </a:solidFill>
              </a:rPr>
              <a:t>（</a:t>
            </a:r>
            <a:r>
              <a:rPr lang="zh-CN" altLang="en-US" b="1" dirty="0">
                <a:solidFill>
                  <a:srgbClr val="FF0000"/>
                </a:solidFill>
              </a:rPr>
              <a:t>拟合方法有误</a:t>
            </a:r>
            <a:r>
              <a:rPr lang="zh-CN" altLang="en-US" dirty="0">
                <a:solidFill>
                  <a:srgbClr val="FF0000"/>
                </a:solidFill>
              </a:rPr>
              <a:t>）</a:t>
            </a:r>
            <a:endParaRPr lang="en-US" altLang="zh-CN" dirty="0">
              <a:solidFill>
                <a:srgbClr val="FF0000"/>
              </a:solidFill>
            </a:endParaRPr>
          </a:p>
        </p:txBody>
      </p:sp>
      <p:pic>
        <p:nvPicPr>
          <p:cNvPr id="11" name="图片 10">
            <a:extLst>
              <a:ext uri="{FF2B5EF4-FFF2-40B4-BE49-F238E27FC236}">
                <a16:creationId xmlns:a16="http://schemas.microsoft.com/office/drawing/2014/main" id="{27A437D4-9CEB-43A0-B1B1-7EBF609F2B46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578452" y="4872089"/>
            <a:ext cx="4320000" cy="1728000"/>
          </a:xfrm>
          <a:prstGeom prst="rect">
            <a:avLst/>
          </a:prstGeom>
        </p:spPr>
      </p:pic>
      <p:sp>
        <p:nvSpPr>
          <p:cNvPr id="14" name="文本框 13">
            <a:extLst>
              <a:ext uri="{FF2B5EF4-FFF2-40B4-BE49-F238E27FC236}">
                <a16:creationId xmlns:a16="http://schemas.microsoft.com/office/drawing/2014/main" id="{0BBE5EFF-035A-4FDD-BD69-C02D9D9D8956}"/>
              </a:ext>
            </a:extLst>
          </p:cNvPr>
          <p:cNvSpPr txBox="1"/>
          <p:nvPr/>
        </p:nvSpPr>
        <p:spPr>
          <a:xfrm>
            <a:off x="5671652" y="4481547"/>
            <a:ext cx="2133600" cy="369332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algn="ctr"/>
            <a:r>
              <a:rPr lang="zh-CN" altLang="en-US" b="1" dirty="0">
                <a:solidFill>
                  <a:srgbClr val="FF0000"/>
                </a:solidFill>
              </a:rPr>
              <a:t>暗计数叠加严重</a:t>
            </a:r>
            <a:endParaRPr lang="zh-CN" altLang="en-US" dirty="0"/>
          </a:p>
        </p:txBody>
      </p:sp>
    </p:spTree>
    <p:extLst>
      <p:ext uri="{BB962C8B-B14F-4D97-AF65-F5344CB8AC3E}">
        <p14:creationId xmlns:p14="http://schemas.microsoft.com/office/powerpoint/2010/main" val="2860459741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4" grpId="0"/>
    </p:bldLst>
  </p:timing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文本框 3">
            <a:extLst>
              <a:ext uri="{FF2B5EF4-FFF2-40B4-BE49-F238E27FC236}">
                <a16:creationId xmlns:a16="http://schemas.microsoft.com/office/drawing/2014/main" id="{86C8EC15-54C1-42E8-AA14-D0E128C9C627}"/>
              </a:ext>
            </a:extLst>
          </p:cNvPr>
          <p:cNvSpPr txBox="1"/>
          <p:nvPr/>
        </p:nvSpPr>
        <p:spPr>
          <a:xfrm>
            <a:off x="76199" y="1143000"/>
            <a:ext cx="8840771" cy="337412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>
              <a:lnSpc>
                <a:spcPct val="150000"/>
              </a:lnSpc>
            </a:pPr>
            <a:r>
              <a:rPr lang="en-US" altLang="zh-CN" dirty="0" err="1"/>
              <a:t>SiPM</a:t>
            </a:r>
            <a:r>
              <a:rPr lang="zh-CN" altLang="en-US" dirty="0"/>
              <a:t>输出</a:t>
            </a:r>
            <a:r>
              <a:rPr lang="en-US" altLang="zh-CN" dirty="0" err="1"/>
              <a:t>Fout</a:t>
            </a:r>
            <a:r>
              <a:rPr lang="zh-CN" altLang="en-US" dirty="0"/>
              <a:t>，经由不含成形电路的放大板</a:t>
            </a:r>
            <a:r>
              <a:rPr lang="zh-CN" altLang="en-US" b="1" dirty="0"/>
              <a:t>高</a:t>
            </a:r>
            <a:r>
              <a:rPr lang="zh-CN" altLang="en-US" dirty="0"/>
              <a:t>增益放大，最后由</a:t>
            </a:r>
            <a:r>
              <a:rPr lang="zh-CN" altLang="en-US" b="1" dirty="0"/>
              <a:t>示波器</a:t>
            </a:r>
            <a:r>
              <a:rPr lang="zh-CN" altLang="en-US" dirty="0"/>
              <a:t>进行采集</a:t>
            </a:r>
            <a:endParaRPr lang="en-US" altLang="zh-CN" dirty="0"/>
          </a:p>
          <a:p>
            <a:pPr marL="285750" indent="-28575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US" altLang="zh-CN" dirty="0"/>
              <a:t>Baseline test</a:t>
            </a:r>
          </a:p>
          <a:p>
            <a:pPr>
              <a:lnSpc>
                <a:spcPct val="150000"/>
              </a:lnSpc>
            </a:pPr>
            <a:r>
              <a:rPr lang="zh-CN" altLang="en-US" dirty="0">
                <a:solidFill>
                  <a:srgbClr val="FF0000"/>
                </a:solidFill>
              </a:rPr>
              <a:t>高增益实现单光子分辨</a:t>
            </a:r>
            <a:endParaRPr lang="en-US" altLang="zh-CN" dirty="0">
              <a:solidFill>
                <a:srgbClr val="FF0000"/>
              </a:solidFill>
            </a:endParaRPr>
          </a:p>
          <a:p>
            <a:pPr>
              <a:lnSpc>
                <a:spcPct val="150000"/>
              </a:lnSpc>
            </a:pPr>
            <a:endParaRPr lang="en-US" altLang="zh-CN" dirty="0">
              <a:solidFill>
                <a:srgbClr val="FF0000"/>
              </a:solidFill>
            </a:endParaRPr>
          </a:p>
          <a:p>
            <a:pPr>
              <a:lnSpc>
                <a:spcPct val="150000"/>
              </a:lnSpc>
            </a:pPr>
            <a:endParaRPr lang="en-US" altLang="zh-CN" dirty="0">
              <a:solidFill>
                <a:srgbClr val="FF0000"/>
              </a:solidFill>
            </a:endParaRPr>
          </a:p>
          <a:p>
            <a:pPr>
              <a:lnSpc>
                <a:spcPct val="150000"/>
              </a:lnSpc>
            </a:pPr>
            <a:endParaRPr lang="en-US" altLang="zh-CN" dirty="0">
              <a:solidFill>
                <a:srgbClr val="FF0000"/>
              </a:solidFill>
            </a:endParaRPr>
          </a:p>
          <a:p>
            <a:pPr>
              <a:lnSpc>
                <a:spcPct val="150000"/>
              </a:lnSpc>
            </a:pPr>
            <a:endParaRPr lang="en-US" altLang="zh-CN" dirty="0">
              <a:solidFill>
                <a:srgbClr val="FF0000"/>
              </a:solidFill>
            </a:endParaRPr>
          </a:p>
          <a:p>
            <a:pPr>
              <a:lnSpc>
                <a:spcPct val="150000"/>
              </a:lnSpc>
            </a:pPr>
            <a:endParaRPr lang="en-US" altLang="zh-CN" dirty="0">
              <a:solidFill>
                <a:srgbClr val="FF0000"/>
              </a:solidFill>
            </a:endParaRPr>
          </a:p>
        </p:txBody>
      </p:sp>
      <p:sp>
        <p:nvSpPr>
          <p:cNvPr id="2" name="灯片编号占位符 1">
            <a:extLst>
              <a:ext uri="{FF2B5EF4-FFF2-40B4-BE49-F238E27FC236}">
                <a16:creationId xmlns:a16="http://schemas.microsoft.com/office/drawing/2014/main" id="{23A98807-A4F1-4870-9F37-BACD7588307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C58DEF2B-8039-4C1E-A573-46AE1706B516}" type="slidenum">
              <a:rPr lang="en-US" altLang="zh-CN" smtClean="0"/>
              <a:pPr>
                <a:defRPr/>
              </a:pPr>
              <a:t>4</a:t>
            </a:fld>
            <a:endParaRPr lang="en-US" altLang="zh-CN" dirty="0"/>
          </a:p>
        </p:txBody>
      </p:sp>
      <p:sp>
        <p:nvSpPr>
          <p:cNvPr id="3" name="文本占位符 2">
            <a:extLst>
              <a:ext uri="{FF2B5EF4-FFF2-40B4-BE49-F238E27FC236}">
                <a16:creationId xmlns:a16="http://schemas.microsoft.com/office/drawing/2014/main" id="{A3F0E1EB-FF7E-43C1-A378-86C69800D63E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/>
        <p:txBody>
          <a:bodyPr/>
          <a:lstStyle/>
          <a:p>
            <a:r>
              <a:rPr lang="zh-CN" altLang="en-US" dirty="0"/>
              <a:t>测试进度</a:t>
            </a:r>
          </a:p>
        </p:txBody>
      </p:sp>
      <p:pic>
        <p:nvPicPr>
          <p:cNvPr id="12" name="图片 11">
            <a:extLst>
              <a:ext uri="{FF2B5EF4-FFF2-40B4-BE49-F238E27FC236}">
                <a16:creationId xmlns:a16="http://schemas.microsoft.com/office/drawing/2014/main" id="{9C26AE92-139F-47D0-8A63-5FD22649C375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6187801" y="2488200"/>
            <a:ext cx="2880000" cy="2160000"/>
          </a:xfrm>
          <a:prstGeom prst="rect">
            <a:avLst/>
          </a:prstGeom>
        </p:spPr>
      </p:pic>
      <p:pic>
        <p:nvPicPr>
          <p:cNvPr id="16" name="图片 15">
            <a:extLst>
              <a:ext uri="{FF2B5EF4-FFF2-40B4-BE49-F238E27FC236}">
                <a16:creationId xmlns:a16="http://schemas.microsoft.com/office/drawing/2014/main" id="{086BFF45-3CE3-4103-80A6-C30F3A3FC8EE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208175" y="2488200"/>
            <a:ext cx="2880000" cy="2160000"/>
          </a:xfrm>
          <a:prstGeom prst="rect">
            <a:avLst/>
          </a:prstGeom>
        </p:spPr>
      </p:pic>
      <p:pic>
        <p:nvPicPr>
          <p:cNvPr id="18" name="图片 17">
            <a:extLst>
              <a:ext uri="{FF2B5EF4-FFF2-40B4-BE49-F238E27FC236}">
                <a16:creationId xmlns:a16="http://schemas.microsoft.com/office/drawing/2014/main" id="{B264797D-29D7-4707-BE43-9D5582C79E07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3197988" y="2488200"/>
            <a:ext cx="2880000" cy="2160000"/>
          </a:xfrm>
          <a:prstGeom prst="rect">
            <a:avLst/>
          </a:prstGeom>
        </p:spPr>
      </p:pic>
      <p:cxnSp>
        <p:nvCxnSpPr>
          <p:cNvPr id="20" name="直接箭头连接符 19">
            <a:extLst>
              <a:ext uri="{FF2B5EF4-FFF2-40B4-BE49-F238E27FC236}">
                <a16:creationId xmlns:a16="http://schemas.microsoft.com/office/drawing/2014/main" id="{C1E779D6-DB41-476A-8A41-996E267F16E7}"/>
              </a:ext>
            </a:extLst>
          </p:cNvPr>
          <p:cNvCxnSpPr>
            <a:cxnSpLocks/>
          </p:cNvCxnSpPr>
          <p:nvPr/>
        </p:nvCxnSpPr>
        <p:spPr>
          <a:xfrm flipH="1">
            <a:off x="1295400" y="2830064"/>
            <a:ext cx="3276600" cy="738136"/>
          </a:xfrm>
          <a:prstGeom prst="straightConnector1">
            <a:avLst/>
          </a:prstGeom>
          <a:ln w="28575">
            <a:solidFill>
              <a:srgbClr val="C00000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4" name="文本框 23">
            <a:extLst>
              <a:ext uri="{FF2B5EF4-FFF2-40B4-BE49-F238E27FC236}">
                <a16:creationId xmlns:a16="http://schemas.microsoft.com/office/drawing/2014/main" id="{1E308330-B0E3-4ECE-9355-C67F47852C05}"/>
              </a:ext>
            </a:extLst>
          </p:cNvPr>
          <p:cNvSpPr txBox="1"/>
          <p:nvPr/>
        </p:nvSpPr>
        <p:spPr>
          <a:xfrm>
            <a:off x="180679" y="4654166"/>
            <a:ext cx="8631809" cy="2127634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>
              <a:lnSpc>
                <a:spcPct val="150000"/>
              </a:lnSpc>
            </a:pPr>
            <a:r>
              <a:rPr lang="en-US" altLang="zh-CN" dirty="0" err="1">
                <a:solidFill>
                  <a:srgbClr val="FF0000"/>
                </a:solidFill>
              </a:rPr>
              <a:t>Fout</a:t>
            </a:r>
            <a:r>
              <a:rPr lang="en-US" altLang="zh-CN" dirty="0">
                <a:solidFill>
                  <a:srgbClr val="FF0000"/>
                </a:solidFill>
              </a:rPr>
              <a:t> </a:t>
            </a:r>
            <a:r>
              <a:rPr lang="zh-CN" altLang="en-US" dirty="0">
                <a:solidFill>
                  <a:srgbClr val="FF0000"/>
                </a:solidFill>
              </a:rPr>
              <a:t>输出信号宽度</a:t>
            </a:r>
            <a:r>
              <a:rPr lang="en-US" altLang="zh-CN" dirty="0">
                <a:solidFill>
                  <a:srgbClr val="FF0000"/>
                </a:solidFill>
              </a:rPr>
              <a:t>~20ns</a:t>
            </a:r>
            <a:r>
              <a:rPr lang="zh-CN" altLang="en-US" dirty="0">
                <a:solidFill>
                  <a:srgbClr val="FF0000"/>
                </a:solidFill>
              </a:rPr>
              <a:t>，几乎不存在暗计数的堆积，定性来看，</a:t>
            </a:r>
            <a:r>
              <a:rPr lang="en-US" altLang="zh-CN" dirty="0" err="1">
                <a:solidFill>
                  <a:srgbClr val="FF0000"/>
                </a:solidFill>
              </a:rPr>
              <a:t>Fout</a:t>
            </a:r>
            <a:r>
              <a:rPr lang="zh-CN" altLang="en-US" dirty="0">
                <a:solidFill>
                  <a:srgbClr val="FF0000"/>
                </a:solidFill>
              </a:rPr>
              <a:t>的能谱分辨率优于</a:t>
            </a:r>
            <a:r>
              <a:rPr lang="en-US" altLang="zh-CN" dirty="0" err="1">
                <a:solidFill>
                  <a:srgbClr val="FF0000"/>
                </a:solidFill>
              </a:rPr>
              <a:t>Sout</a:t>
            </a:r>
            <a:endParaRPr lang="en-US" altLang="zh-CN" dirty="0">
              <a:solidFill>
                <a:srgbClr val="FF0000"/>
              </a:solidFill>
            </a:endParaRPr>
          </a:p>
          <a:p>
            <a:pPr>
              <a:lnSpc>
                <a:spcPct val="150000"/>
              </a:lnSpc>
            </a:pPr>
            <a:r>
              <a:rPr lang="en-US" altLang="zh-CN" b="1" dirty="0"/>
              <a:t>To do</a:t>
            </a:r>
            <a:r>
              <a:rPr lang="zh-CN" altLang="en-US" dirty="0"/>
              <a:t>：由于</a:t>
            </a:r>
            <a:r>
              <a:rPr lang="en-US" altLang="zh-CN" dirty="0" err="1"/>
              <a:t>Fout</a:t>
            </a:r>
            <a:r>
              <a:rPr lang="zh-CN" altLang="en-US" dirty="0"/>
              <a:t>的上升时间短，需要做成形降低后端采集的压力（预计上升时间减缓至</a:t>
            </a:r>
            <a:r>
              <a:rPr lang="en-US" altLang="zh-CN" dirty="0"/>
              <a:t>45ns</a:t>
            </a:r>
            <a:r>
              <a:rPr lang="zh-CN" altLang="en-US" dirty="0"/>
              <a:t>，此时</a:t>
            </a:r>
            <a:r>
              <a:rPr lang="en-US" altLang="zh-CN" dirty="0"/>
              <a:t>125Msps </a:t>
            </a:r>
            <a:r>
              <a:rPr lang="zh-CN" altLang="en-US" dirty="0"/>
              <a:t>的</a:t>
            </a:r>
            <a:r>
              <a:rPr lang="en-US" altLang="zh-CN" dirty="0"/>
              <a:t>ADC</a:t>
            </a:r>
            <a:r>
              <a:rPr lang="zh-CN" altLang="en-US" dirty="0"/>
              <a:t>子板，上升沿可以采集到</a:t>
            </a:r>
            <a:r>
              <a:rPr lang="en-US" altLang="zh-CN" dirty="0"/>
              <a:t>&gt;5</a:t>
            </a:r>
            <a:r>
              <a:rPr lang="zh-CN" altLang="en-US" dirty="0"/>
              <a:t>个点</a:t>
            </a:r>
            <a:r>
              <a:rPr lang="en-US" altLang="zh-CN" dirty="0"/>
              <a:t> </a:t>
            </a:r>
            <a:r>
              <a:rPr lang="zh-CN" altLang="en-US" dirty="0"/>
              <a:t>），之后再做完整的包括动态范围和线性度的测试</a:t>
            </a:r>
          </a:p>
        </p:txBody>
      </p:sp>
    </p:spTree>
    <p:extLst>
      <p:ext uri="{BB962C8B-B14F-4D97-AF65-F5344CB8AC3E}">
        <p14:creationId xmlns:p14="http://schemas.microsoft.com/office/powerpoint/2010/main" val="2700958542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 show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灯片编号占位符 1">
            <a:extLst>
              <a:ext uri="{FF2B5EF4-FFF2-40B4-BE49-F238E27FC236}">
                <a16:creationId xmlns:a16="http://schemas.microsoft.com/office/drawing/2014/main" id="{1581D444-37E5-4AA9-9C81-0EB1BF658C5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C58DEF2B-8039-4C1E-A573-46AE1706B516}" type="slidenum">
              <a:rPr lang="en-US" altLang="zh-CN" smtClean="0"/>
              <a:pPr>
                <a:defRPr/>
              </a:pPr>
              <a:t>5</a:t>
            </a:fld>
            <a:endParaRPr lang="en-US" altLang="zh-CN" dirty="0"/>
          </a:p>
        </p:txBody>
      </p:sp>
      <p:sp>
        <p:nvSpPr>
          <p:cNvPr id="3" name="文本占位符 2">
            <a:extLst>
              <a:ext uri="{FF2B5EF4-FFF2-40B4-BE49-F238E27FC236}">
                <a16:creationId xmlns:a16="http://schemas.microsoft.com/office/drawing/2014/main" id="{CC65FBCC-7D3B-4AB3-8713-FD74AEB4DE41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/>
        <p:txBody>
          <a:bodyPr/>
          <a:lstStyle/>
          <a:p>
            <a:r>
              <a:rPr lang="en-US" altLang="zh-CN" dirty="0"/>
              <a:t>Schedule</a:t>
            </a:r>
            <a:r>
              <a:rPr lang="zh-CN" altLang="en-US" dirty="0"/>
              <a:t>内</a:t>
            </a:r>
          </a:p>
        </p:txBody>
      </p:sp>
      <p:sp>
        <p:nvSpPr>
          <p:cNvPr id="4" name="OTLSHAPE_TB_00000000000000000000000000000000_LeftEndCaps">
            <a:extLst>
              <a:ext uri="{FF2B5EF4-FFF2-40B4-BE49-F238E27FC236}">
                <a16:creationId xmlns:a16="http://schemas.microsoft.com/office/drawing/2014/main" id="{300EA57D-39D4-45B5-ABB1-ECF805B6E6CC}"/>
              </a:ext>
            </a:extLst>
          </p:cNvPr>
          <p:cNvSpPr txBox="1"/>
          <p:nvPr>
            <p:custDataLst>
              <p:tags r:id="rId1"/>
            </p:custDataLst>
          </p:nvPr>
        </p:nvSpPr>
        <p:spPr>
          <a:xfrm>
            <a:off x="317500" y="5649193"/>
            <a:ext cx="793551" cy="496104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altLang="zh-CN" sz="3200" b="1" spc="-80">
                <a:solidFill>
                  <a:schemeClr val="accent2"/>
                </a:solidFill>
                <a:latin typeface="Calibri" panose="020F0502020204030204" pitchFamily="34" charset="0"/>
              </a:rPr>
              <a:t>2025</a:t>
            </a:r>
            <a:endParaRPr lang="zh-CN" altLang="en-US" sz="3200" b="1" spc="-8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5" name="OTLSHAPE_TB_00000000000000000000000000000000_RightEndCaps">
            <a:extLst>
              <a:ext uri="{FF2B5EF4-FFF2-40B4-BE49-F238E27FC236}">
                <a16:creationId xmlns:a16="http://schemas.microsoft.com/office/drawing/2014/main" id="{7C36F26D-6C61-47D0-88F4-92C75FA360B9}"/>
              </a:ext>
            </a:extLst>
          </p:cNvPr>
          <p:cNvSpPr txBox="1"/>
          <p:nvPr>
            <p:custDataLst>
              <p:tags r:id="rId2"/>
            </p:custDataLst>
          </p:nvPr>
        </p:nvSpPr>
        <p:spPr>
          <a:xfrm>
            <a:off x="8800761" y="5889498"/>
            <a:ext cx="25648" cy="15494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altLang="zh-CN" sz="100" b="1">
                <a:solidFill>
                  <a:schemeClr val="accent2"/>
                </a:solidFill>
                <a:latin typeface="Calibri" panose="020F0502020204030204" pitchFamily="34" charset="0"/>
              </a:rPr>
              <a:t>2025</a:t>
            </a:r>
            <a:endParaRPr lang="zh-CN" altLang="en-US" sz="100" b="1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cxnSp>
        <p:nvCxnSpPr>
          <p:cNvPr id="6" name="OTLSHAPE_T_245d22ed08da4e5ca6c75c05af968196_HorizontalConnector1">
            <a:extLst>
              <a:ext uri="{FF2B5EF4-FFF2-40B4-BE49-F238E27FC236}">
                <a16:creationId xmlns:a16="http://schemas.microsoft.com/office/drawing/2014/main" id="{F6455F88-50E1-472B-9A62-054CAA8F305A}"/>
              </a:ext>
            </a:extLst>
          </p:cNvPr>
          <p:cNvCxnSpPr/>
          <p:nvPr>
            <p:custDataLst>
              <p:tags r:id="rId3"/>
            </p:custDataLst>
          </p:nvPr>
        </p:nvCxnSpPr>
        <p:spPr>
          <a:xfrm>
            <a:off x="1080897" y="3674745"/>
            <a:ext cx="1121710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" name="OTLSHAPE_T_896c610910d349219f9166d2ef7c48ec_HorizontalConnector1">
            <a:extLst>
              <a:ext uri="{FF2B5EF4-FFF2-40B4-BE49-F238E27FC236}">
                <a16:creationId xmlns:a16="http://schemas.microsoft.com/office/drawing/2014/main" id="{12378949-5C58-466D-9DBD-3CA887F5BD57}"/>
              </a:ext>
            </a:extLst>
          </p:cNvPr>
          <p:cNvCxnSpPr/>
          <p:nvPr>
            <p:custDataLst>
              <p:tags r:id="rId4"/>
            </p:custDataLst>
          </p:nvPr>
        </p:nvCxnSpPr>
        <p:spPr>
          <a:xfrm>
            <a:off x="786003" y="3941445"/>
            <a:ext cx="1416604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" name="OTLSHAPE_T_5f44ac7a652b4134a5a1b019d0bf322a_HorizontalConnector1">
            <a:extLst>
              <a:ext uri="{FF2B5EF4-FFF2-40B4-BE49-F238E27FC236}">
                <a16:creationId xmlns:a16="http://schemas.microsoft.com/office/drawing/2014/main" id="{949C176C-3185-4DE3-9833-C7A1A53D0D30}"/>
              </a:ext>
            </a:extLst>
          </p:cNvPr>
          <p:cNvCxnSpPr/>
          <p:nvPr>
            <p:custDataLst>
              <p:tags r:id="rId5"/>
            </p:custDataLst>
          </p:nvPr>
        </p:nvCxnSpPr>
        <p:spPr>
          <a:xfrm>
            <a:off x="1071541" y="4208145"/>
            <a:ext cx="1669388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" name="OTLSHAPE_T_a6dcb0be0b724d54a0cc473f87303ed1_HorizontalConnector1">
            <a:extLst>
              <a:ext uri="{FF2B5EF4-FFF2-40B4-BE49-F238E27FC236}">
                <a16:creationId xmlns:a16="http://schemas.microsoft.com/office/drawing/2014/main" id="{D8AB55F1-6E7F-4CB1-A47A-D187C3094777}"/>
              </a:ext>
            </a:extLst>
          </p:cNvPr>
          <p:cNvCxnSpPr/>
          <p:nvPr>
            <p:custDataLst>
              <p:tags r:id="rId6"/>
            </p:custDataLst>
          </p:nvPr>
        </p:nvCxnSpPr>
        <p:spPr>
          <a:xfrm>
            <a:off x="927100" y="4474845"/>
            <a:ext cx="3428794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" name="OTLSHAPE_T_9850da1bffb34140aeb9ea002fc3a6fd_HorizontalConnector1">
            <a:extLst>
              <a:ext uri="{FF2B5EF4-FFF2-40B4-BE49-F238E27FC236}">
                <a16:creationId xmlns:a16="http://schemas.microsoft.com/office/drawing/2014/main" id="{2390C6C0-D43D-4C32-B668-634281BC5AB8}"/>
              </a:ext>
            </a:extLst>
          </p:cNvPr>
          <p:cNvCxnSpPr/>
          <p:nvPr>
            <p:custDataLst>
              <p:tags r:id="rId7"/>
            </p:custDataLst>
          </p:nvPr>
        </p:nvCxnSpPr>
        <p:spPr>
          <a:xfrm>
            <a:off x="1324610" y="4741545"/>
            <a:ext cx="3569606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" name="OTLSHAPE_T_772642c0bb2548348ddfc99c36f57354_HorizontalConnector1">
            <a:extLst>
              <a:ext uri="{FF2B5EF4-FFF2-40B4-BE49-F238E27FC236}">
                <a16:creationId xmlns:a16="http://schemas.microsoft.com/office/drawing/2014/main" id="{28CB6D26-7848-40A6-AD62-1B3E1C6521F6}"/>
              </a:ext>
            </a:extLst>
          </p:cNvPr>
          <p:cNvCxnSpPr/>
          <p:nvPr>
            <p:custDataLst>
              <p:tags r:id="rId8"/>
            </p:custDataLst>
          </p:nvPr>
        </p:nvCxnSpPr>
        <p:spPr>
          <a:xfrm>
            <a:off x="810472" y="5008245"/>
            <a:ext cx="4622066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" name="OTLSHAPE_T_effdb9053c9a41959460c89ae7271885_HorizontalConnector1">
            <a:extLst>
              <a:ext uri="{FF2B5EF4-FFF2-40B4-BE49-F238E27FC236}">
                <a16:creationId xmlns:a16="http://schemas.microsoft.com/office/drawing/2014/main" id="{54EA3723-D8A9-417E-B956-2C1EA2974415}"/>
              </a:ext>
            </a:extLst>
          </p:cNvPr>
          <p:cNvCxnSpPr/>
          <p:nvPr>
            <p:custDataLst>
              <p:tags r:id="rId9"/>
            </p:custDataLst>
          </p:nvPr>
        </p:nvCxnSpPr>
        <p:spPr>
          <a:xfrm>
            <a:off x="810472" y="5274945"/>
            <a:ext cx="5775559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" name="OTLSHAPE_T_99d349b1ef3748b8af5020e0fbed9e0f_HorizontalConnector1">
            <a:extLst>
              <a:ext uri="{FF2B5EF4-FFF2-40B4-BE49-F238E27FC236}">
                <a16:creationId xmlns:a16="http://schemas.microsoft.com/office/drawing/2014/main" id="{F30B8C69-F2B6-4532-B603-CA82E16D1354}"/>
              </a:ext>
            </a:extLst>
          </p:cNvPr>
          <p:cNvCxnSpPr/>
          <p:nvPr>
            <p:custDataLst>
              <p:tags r:id="rId10"/>
            </p:custDataLst>
          </p:nvPr>
        </p:nvCxnSpPr>
        <p:spPr>
          <a:xfrm>
            <a:off x="810472" y="5541645"/>
            <a:ext cx="6313934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4" name="OTLSHAPE_TB_00000000000000000000000000000000_ScaleContainer">
            <a:extLst>
              <a:ext uri="{FF2B5EF4-FFF2-40B4-BE49-F238E27FC236}">
                <a16:creationId xmlns:a16="http://schemas.microsoft.com/office/drawing/2014/main" id="{52233228-F038-4DF2-8E14-23FC2DCB8B65}"/>
              </a:ext>
            </a:extLst>
          </p:cNvPr>
          <p:cNvSpPr/>
          <p:nvPr>
            <p:custDataLst>
              <p:tags r:id="rId11"/>
            </p:custDataLst>
          </p:nvPr>
        </p:nvSpPr>
        <p:spPr>
          <a:xfrm>
            <a:off x="1268476" y="5706745"/>
            <a:ext cx="7416800" cy="38100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rgbClr val="40404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zh-CN" altLang="en-US"/>
          </a:p>
        </p:txBody>
      </p:sp>
      <p:sp>
        <p:nvSpPr>
          <p:cNvPr id="15" name="OTLSHAPE_TB_00000000000000000000000000000000_ElapsedTime">
            <a:extLst>
              <a:ext uri="{FF2B5EF4-FFF2-40B4-BE49-F238E27FC236}">
                <a16:creationId xmlns:a16="http://schemas.microsoft.com/office/drawing/2014/main" id="{6254E41D-AC89-4B04-9294-1239AEB92D4E}"/>
              </a:ext>
            </a:extLst>
          </p:cNvPr>
          <p:cNvSpPr/>
          <p:nvPr>
            <p:custDataLst>
              <p:tags r:id="rId12"/>
            </p:custDataLst>
          </p:nvPr>
        </p:nvSpPr>
        <p:spPr>
          <a:xfrm>
            <a:off x="1268476" y="5706745"/>
            <a:ext cx="1016000" cy="381000"/>
          </a:xfrm>
          <a:prstGeom prst="snip2DiagRect">
            <a:avLst>
              <a:gd name="adj1" fmla="val 100000"/>
              <a:gd name="adj2" fmla="val 30000"/>
            </a:avLst>
          </a:prstGeom>
          <a:solidFill>
            <a:srgbClr val="FF0000">
              <a:alpha val="30196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zh-CN" altLang="en-US"/>
          </a:p>
        </p:txBody>
      </p:sp>
      <p:sp>
        <p:nvSpPr>
          <p:cNvPr id="16" name="OTLSHAPE_TB_00000000000000000000000000000000_TodayMarkerShape">
            <a:extLst>
              <a:ext uri="{FF2B5EF4-FFF2-40B4-BE49-F238E27FC236}">
                <a16:creationId xmlns:a16="http://schemas.microsoft.com/office/drawing/2014/main" id="{1757BE44-738C-4022-B97A-8902B8BF9D49}"/>
              </a:ext>
            </a:extLst>
          </p:cNvPr>
          <p:cNvSpPr/>
          <p:nvPr>
            <p:custDataLst>
              <p:tags r:id="rId13"/>
            </p:custDataLst>
          </p:nvPr>
        </p:nvSpPr>
        <p:spPr>
          <a:xfrm>
            <a:off x="2222779" y="6087745"/>
            <a:ext cx="114300" cy="12700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zh-CN" altLang="en-US"/>
          </a:p>
        </p:txBody>
      </p:sp>
      <p:sp>
        <p:nvSpPr>
          <p:cNvPr id="17" name="OTLSHAPE_TB_00000000000000000000000000000000_TodayMarkerText">
            <a:extLst>
              <a:ext uri="{FF2B5EF4-FFF2-40B4-BE49-F238E27FC236}">
                <a16:creationId xmlns:a16="http://schemas.microsoft.com/office/drawing/2014/main" id="{406648BD-FD93-473F-869F-E673C30533D1}"/>
              </a:ext>
            </a:extLst>
          </p:cNvPr>
          <p:cNvSpPr txBox="1"/>
          <p:nvPr>
            <p:custDataLst>
              <p:tags r:id="rId14"/>
            </p:custDataLst>
          </p:nvPr>
        </p:nvSpPr>
        <p:spPr>
          <a:xfrm>
            <a:off x="2097079" y="6214745"/>
            <a:ext cx="3683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altLang="zh-CN" sz="1200" spc="-12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  <a:endParaRPr lang="zh-CN" altLang="en-US" sz="1200" spc="-12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8" name="OTLSHAPE_TB_00000000000000000000000000000000_TimescaleInterval1">
            <a:extLst>
              <a:ext uri="{FF2B5EF4-FFF2-40B4-BE49-F238E27FC236}">
                <a16:creationId xmlns:a16="http://schemas.microsoft.com/office/drawing/2014/main" id="{6FB9F348-8DB6-44CB-85C5-92838E912E58}"/>
              </a:ext>
            </a:extLst>
          </p:cNvPr>
          <p:cNvSpPr txBox="1"/>
          <p:nvPr>
            <p:custDataLst>
              <p:tags r:id="rId15"/>
            </p:custDataLst>
          </p:nvPr>
        </p:nvSpPr>
        <p:spPr>
          <a:xfrm>
            <a:off x="1497076" y="5788724"/>
            <a:ext cx="236860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altLang="zh-CN" sz="1400" spc="-30">
                <a:solidFill>
                  <a:schemeClr val="lt1"/>
                </a:solidFill>
                <a:latin typeface="Calibri" panose="020F0502020204030204" pitchFamily="34" charset="0"/>
              </a:rPr>
              <a:t>Jun</a:t>
            </a:r>
            <a:endParaRPr lang="zh-CN" altLang="en-US" sz="1400" spc="-3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9" name="OTLSHAPE_TB_00000000000000000000000000000000_TimescaleInterval2">
            <a:extLst>
              <a:ext uri="{FF2B5EF4-FFF2-40B4-BE49-F238E27FC236}">
                <a16:creationId xmlns:a16="http://schemas.microsoft.com/office/drawing/2014/main" id="{F1BA5DC2-2E02-4A61-BB97-A2537E30A23B}"/>
              </a:ext>
            </a:extLst>
          </p:cNvPr>
          <p:cNvSpPr txBox="1"/>
          <p:nvPr>
            <p:custDataLst>
              <p:tags r:id="rId16"/>
            </p:custDataLst>
          </p:nvPr>
        </p:nvSpPr>
        <p:spPr>
          <a:xfrm>
            <a:off x="3804169" y="5788724"/>
            <a:ext cx="186269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altLang="zh-CN" sz="1400" spc="-32">
                <a:solidFill>
                  <a:schemeClr val="lt1"/>
                </a:solidFill>
                <a:latin typeface="Calibri" panose="020F0502020204030204" pitchFamily="34" charset="0"/>
              </a:rPr>
              <a:t>Jul</a:t>
            </a:r>
            <a:endParaRPr lang="zh-CN" altLang="en-US" sz="1400" spc="-32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20" name="OTLSHAPE_TB_00000000000000000000000000000000_TimescaleInterval3">
            <a:extLst>
              <a:ext uri="{FF2B5EF4-FFF2-40B4-BE49-F238E27FC236}">
                <a16:creationId xmlns:a16="http://schemas.microsoft.com/office/drawing/2014/main" id="{9595F794-FAC4-43B0-8B88-5648CC499C96}"/>
              </a:ext>
            </a:extLst>
          </p:cNvPr>
          <p:cNvSpPr txBox="1"/>
          <p:nvPr>
            <p:custDataLst>
              <p:tags r:id="rId17"/>
            </p:custDataLst>
          </p:nvPr>
        </p:nvSpPr>
        <p:spPr>
          <a:xfrm>
            <a:off x="6188166" y="5788724"/>
            <a:ext cx="272190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altLang="zh-CN" sz="1400" spc="-32">
                <a:solidFill>
                  <a:schemeClr val="lt1"/>
                </a:solidFill>
                <a:latin typeface="Calibri" panose="020F0502020204030204" pitchFamily="34" charset="0"/>
              </a:rPr>
              <a:t>Aug</a:t>
            </a:r>
            <a:endParaRPr lang="zh-CN" altLang="en-US" sz="1400" spc="-32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21" name="OTLSHAPE_TB_00000000000000000000000000000000_Separator1">
            <a:extLst>
              <a:ext uri="{FF2B5EF4-FFF2-40B4-BE49-F238E27FC236}">
                <a16:creationId xmlns:a16="http://schemas.microsoft.com/office/drawing/2014/main" id="{622F66DE-C345-42C8-B098-E87C16D46069}"/>
              </a:ext>
            </a:extLst>
          </p:cNvPr>
          <p:cNvCxnSpPr/>
          <p:nvPr>
            <p:custDataLst>
              <p:tags r:id="rId18"/>
            </p:custDataLst>
          </p:nvPr>
        </p:nvCxnSpPr>
        <p:spPr>
          <a:xfrm>
            <a:off x="3740669" y="5770245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2" name="OTLSHAPE_TB_00000000000000000000000000000000_Separator2">
            <a:extLst>
              <a:ext uri="{FF2B5EF4-FFF2-40B4-BE49-F238E27FC236}">
                <a16:creationId xmlns:a16="http://schemas.microsoft.com/office/drawing/2014/main" id="{6C4A1348-1484-4247-A287-2B2DC81D734C}"/>
              </a:ext>
            </a:extLst>
          </p:cNvPr>
          <p:cNvCxnSpPr/>
          <p:nvPr>
            <p:custDataLst>
              <p:tags r:id="rId19"/>
            </p:custDataLst>
          </p:nvPr>
        </p:nvCxnSpPr>
        <p:spPr>
          <a:xfrm>
            <a:off x="6124665" y="5770245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3" name="OTLSHAPE_T_245d22ed08da4e5ca6c75c05af968196_Shape">
            <a:extLst>
              <a:ext uri="{FF2B5EF4-FFF2-40B4-BE49-F238E27FC236}">
                <a16:creationId xmlns:a16="http://schemas.microsoft.com/office/drawing/2014/main" id="{B5A9A49A-E341-437C-A367-E92F1C7C8A26}"/>
              </a:ext>
            </a:extLst>
          </p:cNvPr>
          <p:cNvSpPr/>
          <p:nvPr>
            <p:custDataLst>
              <p:tags r:id="rId20"/>
            </p:custDataLst>
          </p:nvPr>
        </p:nvSpPr>
        <p:spPr>
          <a:xfrm>
            <a:off x="2202607" y="3573145"/>
            <a:ext cx="546100" cy="20320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zh-CN" altLang="en-US"/>
          </a:p>
        </p:txBody>
      </p:sp>
      <p:sp>
        <p:nvSpPr>
          <p:cNvPr id="24" name="OTLSHAPE_T_896c610910d349219f9166d2ef7c48ec_Shape">
            <a:extLst>
              <a:ext uri="{FF2B5EF4-FFF2-40B4-BE49-F238E27FC236}">
                <a16:creationId xmlns:a16="http://schemas.microsoft.com/office/drawing/2014/main" id="{4F75E46F-D205-46B9-BFE3-DF5661F07017}"/>
              </a:ext>
            </a:extLst>
          </p:cNvPr>
          <p:cNvSpPr/>
          <p:nvPr>
            <p:custDataLst>
              <p:tags r:id="rId21"/>
            </p:custDataLst>
          </p:nvPr>
        </p:nvSpPr>
        <p:spPr>
          <a:xfrm>
            <a:off x="2202607" y="3839845"/>
            <a:ext cx="546100" cy="20320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zh-CN" altLang="en-US"/>
          </a:p>
        </p:txBody>
      </p:sp>
      <p:sp>
        <p:nvSpPr>
          <p:cNvPr id="25" name="OTLSHAPE_T_5f44ac7a652b4134a5a1b019d0bf322a_Shape">
            <a:extLst>
              <a:ext uri="{FF2B5EF4-FFF2-40B4-BE49-F238E27FC236}">
                <a16:creationId xmlns:a16="http://schemas.microsoft.com/office/drawing/2014/main" id="{DA4300F7-7DD4-4485-9951-A851D3D2953B}"/>
              </a:ext>
            </a:extLst>
          </p:cNvPr>
          <p:cNvSpPr/>
          <p:nvPr>
            <p:custDataLst>
              <p:tags r:id="rId22"/>
            </p:custDataLst>
          </p:nvPr>
        </p:nvSpPr>
        <p:spPr>
          <a:xfrm>
            <a:off x="2740929" y="4106545"/>
            <a:ext cx="1625600" cy="20320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zh-CN" altLang="en-US"/>
          </a:p>
        </p:txBody>
      </p:sp>
      <p:sp>
        <p:nvSpPr>
          <p:cNvPr id="26" name="OTLSHAPE_T_a6dcb0be0b724d54a0cc473f87303ed1_Shape">
            <a:extLst>
              <a:ext uri="{FF2B5EF4-FFF2-40B4-BE49-F238E27FC236}">
                <a16:creationId xmlns:a16="http://schemas.microsoft.com/office/drawing/2014/main" id="{8BFD759F-4E2B-4449-9290-A0DDC1A9473B}"/>
              </a:ext>
            </a:extLst>
          </p:cNvPr>
          <p:cNvSpPr/>
          <p:nvPr>
            <p:custDataLst>
              <p:tags r:id="rId23"/>
            </p:custDataLst>
          </p:nvPr>
        </p:nvSpPr>
        <p:spPr>
          <a:xfrm>
            <a:off x="4355894" y="4373245"/>
            <a:ext cx="546100" cy="20320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zh-CN" altLang="en-US"/>
          </a:p>
        </p:txBody>
      </p:sp>
      <p:sp>
        <p:nvSpPr>
          <p:cNvPr id="27" name="OTLSHAPE_T_9850da1bffb34140aeb9ea002fc3a6fd_Shape">
            <a:extLst>
              <a:ext uri="{FF2B5EF4-FFF2-40B4-BE49-F238E27FC236}">
                <a16:creationId xmlns:a16="http://schemas.microsoft.com/office/drawing/2014/main" id="{A530F15A-FFD2-494D-8BA6-4257A8D0DC38}"/>
              </a:ext>
            </a:extLst>
          </p:cNvPr>
          <p:cNvSpPr/>
          <p:nvPr>
            <p:custDataLst>
              <p:tags r:id="rId24"/>
            </p:custDataLst>
          </p:nvPr>
        </p:nvSpPr>
        <p:spPr>
          <a:xfrm>
            <a:off x="4894216" y="4639945"/>
            <a:ext cx="546100" cy="20320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zh-CN" altLang="en-US"/>
          </a:p>
        </p:txBody>
      </p:sp>
      <p:sp>
        <p:nvSpPr>
          <p:cNvPr id="28" name="OTLSHAPE_T_772642c0bb2548348ddfc99c36f57354_Shape">
            <a:extLst>
              <a:ext uri="{FF2B5EF4-FFF2-40B4-BE49-F238E27FC236}">
                <a16:creationId xmlns:a16="http://schemas.microsoft.com/office/drawing/2014/main" id="{D34B62A1-5595-4C28-9E0D-C99553784A0E}"/>
              </a:ext>
            </a:extLst>
          </p:cNvPr>
          <p:cNvSpPr/>
          <p:nvPr>
            <p:custDataLst>
              <p:tags r:id="rId25"/>
            </p:custDataLst>
          </p:nvPr>
        </p:nvSpPr>
        <p:spPr>
          <a:xfrm>
            <a:off x="5432538" y="4906645"/>
            <a:ext cx="1079500" cy="20320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zh-CN" altLang="en-US"/>
          </a:p>
        </p:txBody>
      </p:sp>
      <p:sp>
        <p:nvSpPr>
          <p:cNvPr id="29" name="OTLSHAPE_T_effdb9053c9a41959460c89ae7271885_Shape">
            <a:extLst>
              <a:ext uri="{FF2B5EF4-FFF2-40B4-BE49-F238E27FC236}">
                <a16:creationId xmlns:a16="http://schemas.microsoft.com/office/drawing/2014/main" id="{44A65C69-689B-4448-8BAA-E448080E8768}"/>
              </a:ext>
            </a:extLst>
          </p:cNvPr>
          <p:cNvSpPr/>
          <p:nvPr>
            <p:custDataLst>
              <p:tags r:id="rId26"/>
            </p:custDataLst>
          </p:nvPr>
        </p:nvSpPr>
        <p:spPr>
          <a:xfrm>
            <a:off x="6586031" y="5173345"/>
            <a:ext cx="546100" cy="20320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zh-CN" altLang="en-US"/>
          </a:p>
        </p:txBody>
      </p:sp>
      <p:sp>
        <p:nvSpPr>
          <p:cNvPr id="30" name="OTLSHAPE_T_99d349b1ef3748b8af5020e0fbed9e0f_Shape">
            <a:extLst>
              <a:ext uri="{FF2B5EF4-FFF2-40B4-BE49-F238E27FC236}">
                <a16:creationId xmlns:a16="http://schemas.microsoft.com/office/drawing/2014/main" id="{9381D5D4-CC15-4EE2-970F-D680A13BF91B}"/>
              </a:ext>
            </a:extLst>
          </p:cNvPr>
          <p:cNvSpPr/>
          <p:nvPr>
            <p:custDataLst>
              <p:tags r:id="rId27"/>
            </p:custDataLst>
          </p:nvPr>
        </p:nvSpPr>
        <p:spPr>
          <a:xfrm>
            <a:off x="7124406" y="5440045"/>
            <a:ext cx="546100" cy="20320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zh-CN" altLang="en-US"/>
          </a:p>
        </p:txBody>
      </p:sp>
      <p:sp>
        <p:nvSpPr>
          <p:cNvPr id="31" name="OTLSHAPE_T_245d22ed08da4e5ca6c75c05af968196_JoinedDate">
            <a:extLst>
              <a:ext uri="{FF2B5EF4-FFF2-40B4-BE49-F238E27FC236}">
                <a16:creationId xmlns:a16="http://schemas.microsoft.com/office/drawing/2014/main" id="{6754B9E0-FDBB-4C63-AEEA-5BFFF232A355}"/>
              </a:ext>
            </a:extLst>
          </p:cNvPr>
          <p:cNvSpPr txBox="1"/>
          <p:nvPr>
            <p:custDataLst>
              <p:tags r:id="rId28"/>
            </p:custDataLst>
          </p:nvPr>
        </p:nvSpPr>
        <p:spPr>
          <a:xfrm>
            <a:off x="2791676" y="3597233"/>
            <a:ext cx="762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zh-CN" sz="1000" spc="-4">
                <a:solidFill>
                  <a:schemeClr val="dk2"/>
                </a:solidFill>
                <a:latin typeface="Calibri" panose="020F0502020204030204" pitchFamily="34" charset="0"/>
              </a:rPr>
              <a:t>Jun 11 - Jun 17</a:t>
            </a:r>
            <a:endParaRPr lang="zh-CN" altLang="en-US" sz="1000" spc="-4" dirty="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2" name="OTLSHAPE_T_245d22ed08da4e5ca6c75c05af968196_Title">
            <a:extLst>
              <a:ext uri="{FF2B5EF4-FFF2-40B4-BE49-F238E27FC236}">
                <a16:creationId xmlns:a16="http://schemas.microsoft.com/office/drawing/2014/main" id="{95390EAC-7CF1-480A-8CD6-AE02BDFBA496}"/>
              </a:ext>
            </a:extLst>
          </p:cNvPr>
          <p:cNvSpPr txBox="1"/>
          <p:nvPr>
            <p:custDataLst>
              <p:tags r:id="rId29"/>
            </p:custDataLst>
          </p:nvPr>
        </p:nvSpPr>
        <p:spPr>
          <a:xfrm>
            <a:off x="127000" y="3604980"/>
            <a:ext cx="9652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zh-CN" altLang="en-US" sz="900" b="1" spc="-2">
                <a:solidFill>
                  <a:schemeClr val="dk1"/>
                </a:solidFill>
                <a:latin typeface="Calibri" panose="020F0502020204030204" pitchFamily="34" charset="0"/>
              </a:rPr>
              <a:t>放大板</a:t>
            </a:r>
            <a:r>
              <a:rPr lang="en-US" altLang="zh-CN" sz="900" b="1" spc="-2">
                <a:solidFill>
                  <a:schemeClr val="dk1"/>
                </a:solidFill>
                <a:latin typeface="Calibri" panose="020F0502020204030204" pitchFamily="34" charset="0"/>
              </a:rPr>
              <a:t>v1</a:t>
            </a:r>
            <a:r>
              <a:rPr lang="zh-CN" altLang="en-US" sz="900" b="1" spc="-2">
                <a:solidFill>
                  <a:schemeClr val="dk1"/>
                </a:solidFill>
                <a:latin typeface="Calibri" panose="020F0502020204030204" pitchFamily="34" charset="0"/>
              </a:rPr>
              <a:t>测试</a:t>
            </a:r>
            <a:r>
              <a:rPr lang="en-US" altLang="zh-CN" sz="900" b="1" spc="-2">
                <a:solidFill>
                  <a:schemeClr val="dk1"/>
                </a:solidFill>
                <a:latin typeface="Calibri" panose="020F0502020204030204" pitchFamily="34" charset="0"/>
              </a:rPr>
              <a:t>_Fout</a:t>
            </a:r>
            <a:endParaRPr lang="zh-CN" altLang="en-US" sz="900" b="1" spc="-2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3" name="OTLSHAPE_T_896c610910d349219f9166d2ef7c48ec_JoinedDate">
            <a:extLst>
              <a:ext uri="{FF2B5EF4-FFF2-40B4-BE49-F238E27FC236}">
                <a16:creationId xmlns:a16="http://schemas.microsoft.com/office/drawing/2014/main" id="{85DBA1DD-3171-451F-A1E1-3AA35F3CB64D}"/>
              </a:ext>
            </a:extLst>
          </p:cNvPr>
          <p:cNvSpPr txBox="1"/>
          <p:nvPr>
            <p:custDataLst>
              <p:tags r:id="rId30"/>
            </p:custDataLst>
          </p:nvPr>
        </p:nvSpPr>
        <p:spPr>
          <a:xfrm>
            <a:off x="2791676" y="3863933"/>
            <a:ext cx="762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zh-CN" sz="1000" spc="-4">
                <a:solidFill>
                  <a:schemeClr val="dk2"/>
                </a:solidFill>
                <a:latin typeface="Calibri" panose="020F0502020204030204" pitchFamily="34" charset="0"/>
              </a:rPr>
              <a:t>Jun 11 - Jun 17</a:t>
            </a:r>
            <a:endParaRPr lang="zh-CN" altLang="en-US" sz="1000" spc="-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4" name="OTLSHAPE_T_896c610910d349219f9166d2ef7c48ec_Title">
            <a:extLst>
              <a:ext uri="{FF2B5EF4-FFF2-40B4-BE49-F238E27FC236}">
                <a16:creationId xmlns:a16="http://schemas.microsoft.com/office/drawing/2014/main" id="{1C473FDE-390A-4BBC-9F70-DE5442C621FA}"/>
              </a:ext>
            </a:extLst>
          </p:cNvPr>
          <p:cNvSpPr txBox="1"/>
          <p:nvPr>
            <p:custDataLst>
              <p:tags r:id="rId31"/>
            </p:custDataLst>
          </p:nvPr>
        </p:nvSpPr>
        <p:spPr>
          <a:xfrm>
            <a:off x="127000" y="3871680"/>
            <a:ext cx="6604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zh-CN" sz="900" b="1">
                <a:solidFill>
                  <a:schemeClr val="dk1"/>
                </a:solidFill>
                <a:latin typeface="Calibri" panose="020F0502020204030204" pitchFamily="34" charset="0"/>
              </a:rPr>
              <a:t>ADC</a:t>
            </a:r>
            <a:r>
              <a:rPr lang="zh-CN" altLang="en-US" sz="900" b="1">
                <a:solidFill>
                  <a:schemeClr val="dk1"/>
                </a:solidFill>
                <a:latin typeface="Calibri" panose="020F0502020204030204" pitchFamily="34" charset="0"/>
              </a:rPr>
              <a:t>子板焊接</a:t>
            </a:r>
          </a:p>
        </p:txBody>
      </p:sp>
      <p:sp>
        <p:nvSpPr>
          <p:cNvPr id="35" name="OTLSHAPE_T_5f44ac7a652b4134a5a1b019d0bf322a_JoinedDate">
            <a:extLst>
              <a:ext uri="{FF2B5EF4-FFF2-40B4-BE49-F238E27FC236}">
                <a16:creationId xmlns:a16="http://schemas.microsoft.com/office/drawing/2014/main" id="{7EAF5DE0-EF9D-4AF5-AA10-19E5C2DDBAF3}"/>
              </a:ext>
            </a:extLst>
          </p:cNvPr>
          <p:cNvSpPr txBox="1"/>
          <p:nvPr>
            <p:custDataLst>
              <p:tags r:id="rId32"/>
            </p:custDataLst>
          </p:nvPr>
        </p:nvSpPr>
        <p:spPr>
          <a:xfrm>
            <a:off x="4406641" y="4130633"/>
            <a:ext cx="660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zh-CN" sz="1000" spc="-4">
                <a:solidFill>
                  <a:schemeClr val="dk2"/>
                </a:solidFill>
                <a:latin typeface="Calibri" panose="020F0502020204030204" pitchFamily="34" charset="0"/>
              </a:rPr>
              <a:t>Jun 18 - Jul 8</a:t>
            </a:r>
            <a:endParaRPr lang="zh-CN" altLang="en-US" sz="1000" spc="-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6" name="OTLSHAPE_T_5f44ac7a652b4134a5a1b019d0bf322a_Title">
            <a:extLst>
              <a:ext uri="{FF2B5EF4-FFF2-40B4-BE49-F238E27FC236}">
                <a16:creationId xmlns:a16="http://schemas.microsoft.com/office/drawing/2014/main" id="{6EEEF521-C4AD-4268-9B4E-070DB7A8FAAE}"/>
              </a:ext>
            </a:extLst>
          </p:cNvPr>
          <p:cNvSpPr txBox="1"/>
          <p:nvPr>
            <p:custDataLst>
              <p:tags r:id="rId33"/>
            </p:custDataLst>
          </p:nvPr>
        </p:nvSpPr>
        <p:spPr>
          <a:xfrm>
            <a:off x="127000" y="4138380"/>
            <a:ext cx="9525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zh-CN" sz="900" b="1" spc="-2">
                <a:solidFill>
                  <a:schemeClr val="dk1"/>
                </a:solidFill>
                <a:latin typeface="Calibri" panose="020F0502020204030204" pitchFamily="34" charset="0"/>
              </a:rPr>
              <a:t>ADC</a:t>
            </a:r>
            <a:r>
              <a:rPr lang="zh-CN" altLang="en-US" sz="900" b="1" spc="-2">
                <a:solidFill>
                  <a:schemeClr val="dk1"/>
                </a:solidFill>
                <a:latin typeface="Calibri" panose="020F0502020204030204" pitchFamily="34" charset="0"/>
              </a:rPr>
              <a:t>子板测试</a:t>
            </a:r>
            <a:r>
              <a:rPr lang="en-US" altLang="zh-CN" sz="900" b="1" spc="-2">
                <a:solidFill>
                  <a:schemeClr val="dk1"/>
                </a:solidFill>
                <a:latin typeface="Calibri" panose="020F0502020204030204" pitchFamily="34" charset="0"/>
              </a:rPr>
              <a:t>_</a:t>
            </a:r>
            <a:r>
              <a:rPr lang="zh-CN" altLang="en-US" sz="900" b="1" spc="-2">
                <a:solidFill>
                  <a:schemeClr val="dk1"/>
                </a:solidFill>
                <a:latin typeface="Calibri" panose="020F0502020204030204" pitchFamily="34" charset="0"/>
              </a:rPr>
              <a:t>代码</a:t>
            </a:r>
          </a:p>
        </p:txBody>
      </p:sp>
      <p:sp>
        <p:nvSpPr>
          <p:cNvPr id="37" name="OTLSHAPE_T_a6dcb0be0b724d54a0cc473f87303ed1_JoinedDate">
            <a:extLst>
              <a:ext uri="{FF2B5EF4-FFF2-40B4-BE49-F238E27FC236}">
                <a16:creationId xmlns:a16="http://schemas.microsoft.com/office/drawing/2014/main" id="{08DB775C-1476-4567-9531-EAE09AB94F44}"/>
              </a:ext>
            </a:extLst>
          </p:cNvPr>
          <p:cNvSpPr txBox="1"/>
          <p:nvPr>
            <p:custDataLst>
              <p:tags r:id="rId34"/>
            </p:custDataLst>
          </p:nvPr>
        </p:nvSpPr>
        <p:spPr>
          <a:xfrm>
            <a:off x="4944963" y="4397333"/>
            <a:ext cx="622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zh-CN" sz="1000" spc="-4">
                <a:solidFill>
                  <a:schemeClr val="dk2"/>
                </a:solidFill>
                <a:latin typeface="Calibri" panose="020F0502020204030204" pitchFamily="34" charset="0"/>
              </a:rPr>
              <a:t>Jul 9 - Jul 15</a:t>
            </a:r>
            <a:endParaRPr lang="zh-CN" altLang="en-US" sz="1000" spc="-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8" name="OTLSHAPE_T_a6dcb0be0b724d54a0cc473f87303ed1_Title">
            <a:extLst>
              <a:ext uri="{FF2B5EF4-FFF2-40B4-BE49-F238E27FC236}">
                <a16:creationId xmlns:a16="http://schemas.microsoft.com/office/drawing/2014/main" id="{CA09A0D6-BE05-4B99-9B10-64CE26B63A24}"/>
              </a:ext>
            </a:extLst>
          </p:cNvPr>
          <p:cNvSpPr txBox="1"/>
          <p:nvPr>
            <p:custDataLst>
              <p:tags r:id="rId35"/>
            </p:custDataLst>
          </p:nvPr>
        </p:nvSpPr>
        <p:spPr>
          <a:xfrm>
            <a:off x="127000" y="4405080"/>
            <a:ext cx="8128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zh-CN" altLang="en-US" sz="900" b="1">
                <a:solidFill>
                  <a:schemeClr val="dk1"/>
                </a:solidFill>
                <a:latin typeface="Calibri" panose="020F0502020204030204" pitchFamily="34" charset="0"/>
              </a:rPr>
              <a:t>整套电子学测试</a:t>
            </a:r>
          </a:p>
        </p:txBody>
      </p:sp>
      <p:sp>
        <p:nvSpPr>
          <p:cNvPr id="39" name="OTLSHAPE_T_9850da1bffb34140aeb9ea002fc3a6fd_JoinedDate">
            <a:extLst>
              <a:ext uri="{FF2B5EF4-FFF2-40B4-BE49-F238E27FC236}">
                <a16:creationId xmlns:a16="http://schemas.microsoft.com/office/drawing/2014/main" id="{77687002-61DF-4D06-983B-6CC525BD7BC9}"/>
              </a:ext>
            </a:extLst>
          </p:cNvPr>
          <p:cNvSpPr txBox="1"/>
          <p:nvPr>
            <p:custDataLst>
              <p:tags r:id="rId36"/>
            </p:custDataLst>
          </p:nvPr>
        </p:nvSpPr>
        <p:spPr>
          <a:xfrm>
            <a:off x="5483284" y="4664033"/>
            <a:ext cx="685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zh-CN" sz="1000" spc="-4">
                <a:solidFill>
                  <a:schemeClr val="dk2"/>
                </a:solidFill>
                <a:latin typeface="Calibri" panose="020F0502020204030204" pitchFamily="34" charset="0"/>
              </a:rPr>
              <a:t>Jul 16 - Jul 22</a:t>
            </a:r>
            <a:endParaRPr lang="zh-CN" altLang="en-US" sz="1000" spc="-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0" name="OTLSHAPE_T_9850da1bffb34140aeb9ea002fc3a6fd_Title">
            <a:extLst>
              <a:ext uri="{FF2B5EF4-FFF2-40B4-BE49-F238E27FC236}">
                <a16:creationId xmlns:a16="http://schemas.microsoft.com/office/drawing/2014/main" id="{FB3DFF49-A250-4C1D-A484-27B798AB1AED}"/>
              </a:ext>
            </a:extLst>
          </p:cNvPr>
          <p:cNvSpPr txBox="1"/>
          <p:nvPr>
            <p:custDataLst>
              <p:tags r:id="rId37"/>
            </p:custDataLst>
          </p:nvPr>
        </p:nvSpPr>
        <p:spPr>
          <a:xfrm>
            <a:off x="127000" y="4671780"/>
            <a:ext cx="12065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zh-CN" altLang="en-US" sz="900" b="1">
                <a:solidFill>
                  <a:schemeClr val="dk1"/>
                </a:solidFill>
                <a:latin typeface="Calibri" panose="020F0502020204030204" pitchFamily="34" charset="0"/>
              </a:rPr>
              <a:t>放大板</a:t>
            </a:r>
            <a:r>
              <a:rPr lang="en-US" altLang="zh-CN" sz="900" b="1">
                <a:solidFill>
                  <a:schemeClr val="dk1"/>
                </a:solidFill>
                <a:latin typeface="Calibri" panose="020F0502020204030204" pitchFamily="34" charset="0"/>
              </a:rPr>
              <a:t>v2</a:t>
            </a:r>
            <a:r>
              <a:rPr lang="zh-CN" altLang="en-US" sz="900" b="1">
                <a:solidFill>
                  <a:schemeClr val="dk1"/>
                </a:solidFill>
                <a:latin typeface="Calibri" panose="020F0502020204030204" pitchFamily="34" charset="0"/>
              </a:rPr>
              <a:t>改板</a:t>
            </a:r>
            <a:r>
              <a:rPr lang="en-US" altLang="zh-CN" sz="900" b="1">
                <a:solidFill>
                  <a:schemeClr val="dk1"/>
                </a:solidFill>
                <a:latin typeface="Calibri" panose="020F0502020204030204" pitchFamily="34" charset="0"/>
              </a:rPr>
              <a:t>+</a:t>
            </a:r>
            <a:r>
              <a:rPr lang="zh-CN" altLang="en-US" sz="900" b="1">
                <a:solidFill>
                  <a:schemeClr val="dk1"/>
                </a:solidFill>
                <a:latin typeface="Calibri" panose="020F0502020204030204" pitchFamily="34" charset="0"/>
              </a:rPr>
              <a:t>采购器件</a:t>
            </a:r>
          </a:p>
        </p:txBody>
      </p:sp>
      <p:sp>
        <p:nvSpPr>
          <p:cNvPr id="41" name="OTLSHAPE_T_772642c0bb2548348ddfc99c36f57354_JoinedDate">
            <a:extLst>
              <a:ext uri="{FF2B5EF4-FFF2-40B4-BE49-F238E27FC236}">
                <a16:creationId xmlns:a16="http://schemas.microsoft.com/office/drawing/2014/main" id="{582BE632-172B-4AE9-8540-309370364762}"/>
              </a:ext>
            </a:extLst>
          </p:cNvPr>
          <p:cNvSpPr txBox="1"/>
          <p:nvPr>
            <p:custDataLst>
              <p:tags r:id="rId38"/>
            </p:custDataLst>
          </p:nvPr>
        </p:nvSpPr>
        <p:spPr>
          <a:xfrm>
            <a:off x="6559928" y="4930733"/>
            <a:ext cx="685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zh-CN" sz="1000" spc="-4">
                <a:solidFill>
                  <a:schemeClr val="dk2"/>
                </a:solidFill>
                <a:latin typeface="Calibri" panose="020F0502020204030204" pitchFamily="34" charset="0"/>
              </a:rPr>
              <a:t>Jul 23 - Aug 5</a:t>
            </a:r>
            <a:endParaRPr lang="zh-CN" altLang="en-US" sz="1000" spc="-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2" name="OTLSHAPE_T_772642c0bb2548348ddfc99c36f57354_Title">
            <a:extLst>
              <a:ext uri="{FF2B5EF4-FFF2-40B4-BE49-F238E27FC236}">
                <a16:creationId xmlns:a16="http://schemas.microsoft.com/office/drawing/2014/main" id="{94FDEA5E-9283-456F-9CB2-5F18261317CF}"/>
              </a:ext>
            </a:extLst>
          </p:cNvPr>
          <p:cNvSpPr txBox="1"/>
          <p:nvPr>
            <p:custDataLst>
              <p:tags r:id="rId39"/>
            </p:custDataLst>
          </p:nvPr>
        </p:nvSpPr>
        <p:spPr>
          <a:xfrm>
            <a:off x="127000" y="4938480"/>
            <a:ext cx="6858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zh-CN" altLang="en-US" sz="900" b="1">
                <a:solidFill>
                  <a:schemeClr val="dk1"/>
                </a:solidFill>
                <a:latin typeface="Calibri" panose="020F0502020204030204" pitchFamily="34" charset="0"/>
              </a:rPr>
              <a:t>放大板</a:t>
            </a:r>
            <a:r>
              <a:rPr lang="en-US" altLang="zh-CN" sz="900" b="1">
                <a:solidFill>
                  <a:schemeClr val="dk1"/>
                </a:solidFill>
                <a:latin typeface="Calibri" panose="020F0502020204030204" pitchFamily="34" charset="0"/>
              </a:rPr>
              <a:t>v2</a:t>
            </a:r>
            <a:r>
              <a:rPr lang="zh-CN" altLang="en-US" sz="900" b="1">
                <a:solidFill>
                  <a:schemeClr val="dk1"/>
                </a:solidFill>
                <a:latin typeface="Calibri" panose="020F0502020204030204" pitchFamily="34" charset="0"/>
              </a:rPr>
              <a:t>制板</a:t>
            </a:r>
          </a:p>
        </p:txBody>
      </p:sp>
      <p:sp>
        <p:nvSpPr>
          <p:cNvPr id="43" name="OTLSHAPE_T_effdb9053c9a41959460c89ae7271885_JoinedDate">
            <a:extLst>
              <a:ext uri="{FF2B5EF4-FFF2-40B4-BE49-F238E27FC236}">
                <a16:creationId xmlns:a16="http://schemas.microsoft.com/office/drawing/2014/main" id="{4568E015-14DA-4AF9-A689-3A8C1E2D319B}"/>
              </a:ext>
            </a:extLst>
          </p:cNvPr>
          <p:cNvSpPr txBox="1"/>
          <p:nvPr>
            <p:custDataLst>
              <p:tags r:id="rId40"/>
            </p:custDataLst>
          </p:nvPr>
        </p:nvSpPr>
        <p:spPr>
          <a:xfrm>
            <a:off x="7175153" y="5197433"/>
            <a:ext cx="749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zh-CN" sz="1000" spc="-4">
                <a:solidFill>
                  <a:schemeClr val="dk2"/>
                </a:solidFill>
                <a:latin typeface="Calibri" panose="020F0502020204030204" pitchFamily="34" charset="0"/>
              </a:rPr>
              <a:t>Aug 6 - Aug 13</a:t>
            </a:r>
            <a:endParaRPr lang="zh-CN" altLang="en-US" sz="1000" spc="-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4" name="OTLSHAPE_T_effdb9053c9a41959460c89ae7271885_Title">
            <a:extLst>
              <a:ext uri="{FF2B5EF4-FFF2-40B4-BE49-F238E27FC236}">
                <a16:creationId xmlns:a16="http://schemas.microsoft.com/office/drawing/2014/main" id="{39015522-77FF-4367-8B9B-CF245BEEFA97}"/>
              </a:ext>
            </a:extLst>
          </p:cNvPr>
          <p:cNvSpPr txBox="1"/>
          <p:nvPr>
            <p:custDataLst>
              <p:tags r:id="rId41"/>
            </p:custDataLst>
          </p:nvPr>
        </p:nvSpPr>
        <p:spPr>
          <a:xfrm>
            <a:off x="127000" y="5205180"/>
            <a:ext cx="6858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zh-CN" altLang="en-US" sz="900" b="1">
                <a:solidFill>
                  <a:schemeClr val="dk1"/>
                </a:solidFill>
                <a:latin typeface="Calibri" panose="020F0502020204030204" pitchFamily="34" charset="0"/>
              </a:rPr>
              <a:t>放大板</a:t>
            </a:r>
            <a:r>
              <a:rPr lang="en-US" altLang="zh-CN" sz="900" b="1">
                <a:solidFill>
                  <a:schemeClr val="dk1"/>
                </a:solidFill>
                <a:latin typeface="Calibri" panose="020F0502020204030204" pitchFamily="34" charset="0"/>
              </a:rPr>
              <a:t>v2</a:t>
            </a:r>
            <a:r>
              <a:rPr lang="zh-CN" altLang="en-US" sz="900" b="1">
                <a:solidFill>
                  <a:schemeClr val="dk1"/>
                </a:solidFill>
                <a:latin typeface="Calibri" panose="020F0502020204030204" pitchFamily="34" charset="0"/>
              </a:rPr>
              <a:t>焊接</a:t>
            </a:r>
          </a:p>
        </p:txBody>
      </p:sp>
      <p:sp>
        <p:nvSpPr>
          <p:cNvPr id="45" name="OTLSHAPE_T_99d349b1ef3748b8af5020e0fbed9e0f_JoinedDate">
            <a:extLst>
              <a:ext uri="{FF2B5EF4-FFF2-40B4-BE49-F238E27FC236}">
                <a16:creationId xmlns:a16="http://schemas.microsoft.com/office/drawing/2014/main" id="{7256FC58-562B-4ECE-9291-477E09242A9C}"/>
              </a:ext>
            </a:extLst>
          </p:cNvPr>
          <p:cNvSpPr txBox="1"/>
          <p:nvPr>
            <p:custDataLst>
              <p:tags r:id="rId42"/>
            </p:custDataLst>
          </p:nvPr>
        </p:nvSpPr>
        <p:spPr>
          <a:xfrm>
            <a:off x="7713475" y="5464133"/>
            <a:ext cx="812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zh-CN" sz="1000" spc="-4">
                <a:solidFill>
                  <a:schemeClr val="dk2"/>
                </a:solidFill>
                <a:latin typeface="Calibri" panose="020F0502020204030204" pitchFamily="34" charset="0"/>
              </a:rPr>
              <a:t>Aug 14 - Aug 20</a:t>
            </a:r>
            <a:endParaRPr lang="zh-CN" altLang="en-US" sz="1000" spc="-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6" name="OTLSHAPE_T_99d349b1ef3748b8af5020e0fbed9e0f_Title">
            <a:extLst>
              <a:ext uri="{FF2B5EF4-FFF2-40B4-BE49-F238E27FC236}">
                <a16:creationId xmlns:a16="http://schemas.microsoft.com/office/drawing/2014/main" id="{07337BE2-9F97-4410-88D3-6AC753F9DD51}"/>
              </a:ext>
            </a:extLst>
          </p:cNvPr>
          <p:cNvSpPr txBox="1"/>
          <p:nvPr>
            <p:custDataLst>
              <p:tags r:id="rId43"/>
            </p:custDataLst>
          </p:nvPr>
        </p:nvSpPr>
        <p:spPr>
          <a:xfrm>
            <a:off x="127000" y="5471880"/>
            <a:ext cx="6858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zh-CN" altLang="en-US" sz="900" b="1">
                <a:solidFill>
                  <a:schemeClr val="dk1"/>
                </a:solidFill>
                <a:latin typeface="Calibri" panose="020F0502020204030204" pitchFamily="34" charset="0"/>
              </a:rPr>
              <a:t>放大板</a:t>
            </a:r>
            <a:r>
              <a:rPr lang="en-US" altLang="zh-CN" sz="900" b="1">
                <a:solidFill>
                  <a:schemeClr val="dk1"/>
                </a:solidFill>
                <a:latin typeface="Calibri" panose="020F0502020204030204" pitchFamily="34" charset="0"/>
              </a:rPr>
              <a:t>v2</a:t>
            </a:r>
            <a:r>
              <a:rPr lang="zh-CN" altLang="en-US" sz="900" b="1">
                <a:solidFill>
                  <a:schemeClr val="dk1"/>
                </a:solidFill>
                <a:latin typeface="Calibri" panose="020F0502020204030204" pitchFamily="34" charset="0"/>
              </a:rPr>
              <a:t>测试</a:t>
            </a:r>
          </a:p>
        </p:txBody>
      </p:sp>
    </p:spTree>
    <p:extLst>
      <p:ext uri="{BB962C8B-B14F-4D97-AF65-F5344CB8AC3E}">
        <p14:creationId xmlns:p14="http://schemas.microsoft.com/office/powerpoint/2010/main" val="1548635061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灯片编号占位符 1">
            <a:extLst>
              <a:ext uri="{FF2B5EF4-FFF2-40B4-BE49-F238E27FC236}">
                <a16:creationId xmlns:a16="http://schemas.microsoft.com/office/drawing/2014/main" id="{1581D444-37E5-4AA9-9C81-0EB1BF658C5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C58DEF2B-8039-4C1E-A573-46AE1706B516}" type="slidenum">
              <a:rPr lang="en-US" altLang="zh-CN" smtClean="0"/>
              <a:pPr>
                <a:defRPr/>
              </a:pPr>
              <a:t>6</a:t>
            </a:fld>
            <a:endParaRPr lang="en-US" altLang="zh-CN" dirty="0"/>
          </a:p>
        </p:txBody>
      </p:sp>
      <p:sp>
        <p:nvSpPr>
          <p:cNvPr id="3" name="文本占位符 2">
            <a:extLst>
              <a:ext uri="{FF2B5EF4-FFF2-40B4-BE49-F238E27FC236}">
                <a16:creationId xmlns:a16="http://schemas.microsoft.com/office/drawing/2014/main" id="{CC65FBCC-7D3B-4AB3-8713-FD74AEB4DE41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/>
        <p:txBody>
          <a:bodyPr/>
          <a:lstStyle/>
          <a:p>
            <a:r>
              <a:rPr lang="en-US" altLang="zh-CN" dirty="0"/>
              <a:t>Schedule</a:t>
            </a:r>
            <a:endParaRPr lang="zh-CN" altLang="en-US" dirty="0"/>
          </a:p>
        </p:txBody>
      </p:sp>
      <p:pic>
        <p:nvPicPr>
          <p:cNvPr id="102" name="图片 101">
            <a:extLst>
              <a:ext uri="{FF2B5EF4-FFF2-40B4-BE49-F238E27FC236}">
                <a16:creationId xmlns:a16="http://schemas.microsoft.com/office/drawing/2014/main" id="{10902774-7205-42CD-BD21-8E64984F8389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133727" y="2709372"/>
            <a:ext cx="8876545" cy="346282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137438258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 show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灯片编号占位符 1">
            <a:extLst>
              <a:ext uri="{FF2B5EF4-FFF2-40B4-BE49-F238E27FC236}">
                <a16:creationId xmlns:a16="http://schemas.microsoft.com/office/drawing/2014/main" id="{81E0912B-C1B0-425C-833A-BE11D5325ED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9EDF84ED-8940-479A-9125-DE6802CCBBB1}" type="slidenum">
              <a:rPr lang="en-US" altLang="zh-CN" smtClean="0"/>
              <a:pPr>
                <a:defRPr/>
              </a:pPr>
              <a:t>7</a:t>
            </a:fld>
            <a:endParaRPr lang="en-US" altLang="zh-CN" dirty="0"/>
          </a:p>
        </p:txBody>
      </p:sp>
      <p:sp>
        <p:nvSpPr>
          <p:cNvPr id="3" name="OTLSHAPE_TB_00000000000000000000000000000000_LeftEndCaps">
            <a:extLst>
              <a:ext uri="{FF2B5EF4-FFF2-40B4-BE49-F238E27FC236}">
                <a16:creationId xmlns:a16="http://schemas.microsoft.com/office/drawing/2014/main" id="{78600DE9-FC86-4CA9-B05B-845CEB3E77CF}"/>
              </a:ext>
            </a:extLst>
          </p:cNvPr>
          <p:cNvSpPr txBox="1"/>
          <p:nvPr>
            <p:custDataLst>
              <p:tags r:id="rId2"/>
            </p:custDataLst>
          </p:nvPr>
        </p:nvSpPr>
        <p:spPr>
          <a:xfrm>
            <a:off x="317500" y="5515160"/>
            <a:ext cx="793551" cy="496104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altLang="zh-CN" sz="3200" b="1" spc="-80">
                <a:solidFill>
                  <a:schemeClr val="accent2"/>
                </a:solidFill>
                <a:latin typeface="Calibri" panose="020F0502020204030204" pitchFamily="34" charset="0"/>
              </a:rPr>
              <a:t>2025</a:t>
            </a:r>
            <a:endParaRPr lang="zh-CN" altLang="en-US" sz="3200" b="1" spc="-8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4" name="OTLSHAPE_TB_00000000000000000000000000000000_RightEndCaps">
            <a:extLst>
              <a:ext uri="{FF2B5EF4-FFF2-40B4-BE49-F238E27FC236}">
                <a16:creationId xmlns:a16="http://schemas.microsoft.com/office/drawing/2014/main" id="{2EBA4CED-9122-401C-BE9B-7CFB80FE5718}"/>
              </a:ext>
            </a:extLst>
          </p:cNvPr>
          <p:cNvSpPr txBox="1"/>
          <p:nvPr>
            <p:custDataLst>
              <p:tags r:id="rId3"/>
            </p:custDataLst>
          </p:nvPr>
        </p:nvSpPr>
        <p:spPr>
          <a:xfrm>
            <a:off x="8800761" y="5755465"/>
            <a:ext cx="25648" cy="15494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altLang="zh-CN" sz="100" b="1">
                <a:solidFill>
                  <a:schemeClr val="accent2"/>
                </a:solidFill>
                <a:latin typeface="Calibri" panose="020F0502020204030204" pitchFamily="34" charset="0"/>
              </a:rPr>
              <a:t>2025</a:t>
            </a:r>
            <a:endParaRPr lang="zh-CN" altLang="en-US" sz="100" b="1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cxnSp>
        <p:nvCxnSpPr>
          <p:cNvPr id="18" name="OTLSHAPE_T_245d22ed08da4e5ca6c75c05af968196_HorizontalConnector1">
            <a:extLst>
              <a:ext uri="{FF2B5EF4-FFF2-40B4-BE49-F238E27FC236}">
                <a16:creationId xmlns:a16="http://schemas.microsoft.com/office/drawing/2014/main" id="{AB352088-82A3-4471-9A95-34D39A972F27}"/>
              </a:ext>
            </a:extLst>
          </p:cNvPr>
          <p:cNvCxnSpPr/>
          <p:nvPr>
            <p:custDataLst>
              <p:tags r:id="rId4"/>
            </p:custDataLst>
          </p:nvPr>
        </p:nvCxnSpPr>
        <p:spPr>
          <a:xfrm>
            <a:off x="1080897" y="3007312"/>
            <a:ext cx="815103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" name="OTLSHAPE_T_896c610910d349219f9166d2ef7c48ec_HorizontalConnector1">
            <a:extLst>
              <a:ext uri="{FF2B5EF4-FFF2-40B4-BE49-F238E27FC236}">
                <a16:creationId xmlns:a16="http://schemas.microsoft.com/office/drawing/2014/main" id="{2C8F7984-BB69-4ACB-A73C-A905DEE26747}"/>
              </a:ext>
            </a:extLst>
          </p:cNvPr>
          <p:cNvCxnSpPr/>
          <p:nvPr>
            <p:custDataLst>
              <p:tags r:id="rId5"/>
            </p:custDataLst>
          </p:nvPr>
        </p:nvCxnSpPr>
        <p:spPr>
          <a:xfrm>
            <a:off x="786003" y="3274012"/>
            <a:ext cx="1109997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" name="OTLSHAPE_T_5f44ac7a652b4134a5a1b019d0bf322a_HorizontalConnector1">
            <a:extLst>
              <a:ext uri="{FF2B5EF4-FFF2-40B4-BE49-F238E27FC236}">
                <a16:creationId xmlns:a16="http://schemas.microsoft.com/office/drawing/2014/main" id="{3EE41172-7A39-47CC-812B-5F114A33BB4B}"/>
              </a:ext>
            </a:extLst>
          </p:cNvPr>
          <p:cNvCxnSpPr/>
          <p:nvPr>
            <p:custDataLst>
              <p:tags r:id="rId6"/>
            </p:custDataLst>
          </p:nvPr>
        </p:nvCxnSpPr>
        <p:spPr>
          <a:xfrm>
            <a:off x="1300141" y="3540712"/>
            <a:ext cx="919556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" name="OTLSHAPE_T_a6dcb0be0b724d54a0cc473f87303ed1_HorizontalConnector1">
            <a:extLst>
              <a:ext uri="{FF2B5EF4-FFF2-40B4-BE49-F238E27FC236}">
                <a16:creationId xmlns:a16="http://schemas.microsoft.com/office/drawing/2014/main" id="{630F3D24-6AA3-4E99-8563-5559194F00B1}"/>
              </a:ext>
            </a:extLst>
          </p:cNvPr>
          <p:cNvCxnSpPr/>
          <p:nvPr>
            <p:custDataLst>
              <p:tags r:id="rId7"/>
            </p:custDataLst>
          </p:nvPr>
        </p:nvCxnSpPr>
        <p:spPr>
          <a:xfrm>
            <a:off x="927100" y="3807412"/>
            <a:ext cx="2587384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2" name="OTLSHAPE_T_9850da1bffb34140aeb9ea002fc3a6fd_HorizontalConnector1">
            <a:extLst>
              <a:ext uri="{FF2B5EF4-FFF2-40B4-BE49-F238E27FC236}">
                <a16:creationId xmlns:a16="http://schemas.microsoft.com/office/drawing/2014/main" id="{2660C36F-6238-4440-B413-AC8C22859E8C}"/>
              </a:ext>
            </a:extLst>
          </p:cNvPr>
          <p:cNvCxnSpPr/>
          <p:nvPr>
            <p:custDataLst>
              <p:tags r:id="rId8"/>
            </p:custDataLst>
          </p:nvPr>
        </p:nvCxnSpPr>
        <p:spPr>
          <a:xfrm>
            <a:off x="1324610" y="4074112"/>
            <a:ext cx="2837267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" name="OTLSHAPE_T_772642c0bb2548348ddfc99c36f57354_HorizontalConnector1">
            <a:extLst>
              <a:ext uri="{FF2B5EF4-FFF2-40B4-BE49-F238E27FC236}">
                <a16:creationId xmlns:a16="http://schemas.microsoft.com/office/drawing/2014/main" id="{4D700627-5137-4845-A72E-E0B00719676E}"/>
              </a:ext>
            </a:extLst>
          </p:cNvPr>
          <p:cNvCxnSpPr/>
          <p:nvPr>
            <p:custDataLst>
              <p:tags r:id="rId9"/>
            </p:custDataLst>
          </p:nvPr>
        </p:nvCxnSpPr>
        <p:spPr>
          <a:xfrm>
            <a:off x="810472" y="4340812"/>
            <a:ext cx="3998798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4" name="OTLSHAPE_T_effdb9053c9a41959460c89ae7271885_HorizontalConnector1">
            <a:extLst>
              <a:ext uri="{FF2B5EF4-FFF2-40B4-BE49-F238E27FC236}">
                <a16:creationId xmlns:a16="http://schemas.microsoft.com/office/drawing/2014/main" id="{727ED59F-304E-4BD8-B8EE-2EFDAB28F053}"/>
              </a:ext>
            </a:extLst>
          </p:cNvPr>
          <p:cNvCxnSpPr/>
          <p:nvPr>
            <p:custDataLst>
              <p:tags r:id="rId10"/>
            </p:custDataLst>
          </p:nvPr>
        </p:nvCxnSpPr>
        <p:spPr>
          <a:xfrm>
            <a:off x="810472" y="4607512"/>
            <a:ext cx="4692402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" name="OTLSHAPE_T_53829502c5e2440faf9a3da7a16b1d13_HorizontalConnector1">
            <a:extLst>
              <a:ext uri="{FF2B5EF4-FFF2-40B4-BE49-F238E27FC236}">
                <a16:creationId xmlns:a16="http://schemas.microsoft.com/office/drawing/2014/main" id="{3DD3C382-2134-4C39-A6EB-879EAC1FD229}"/>
              </a:ext>
            </a:extLst>
          </p:cNvPr>
          <p:cNvCxnSpPr/>
          <p:nvPr>
            <p:custDataLst>
              <p:tags r:id="rId11"/>
            </p:custDataLst>
          </p:nvPr>
        </p:nvCxnSpPr>
        <p:spPr>
          <a:xfrm>
            <a:off x="810472" y="4874212"/>
            <a:ext cx="5016131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6" name="OTLSHAPE_T_ff3bda11a3444531b22693b2203ac2b8_HorizontalConnector1">
            <a:extLst>
              <a:ext uri="{FF2B5EF4-FFF2-40B4-BE49-F238E27FC236}">
                <a16:creationId xmlns:a16="http://schemas.microsoft.com/office/drawing/2014/main" id="{B8E0A971-7ED1-46B0-A899-D94930E67D26}"/>
              </a:ext>
            </a:extLst>
          </p:cNvPr>
          <p:cNvCxnSpPr/>
          <p:nvPr>
            <p:custDataLst>
              <p:tags r:id="rId12"/>
            </p:custDataLst>
          </p:nvPr>
        </p:nvCxnSpPr>
        <p:spPr>
          <a:xfrm>
            <a:off x="927100" y="5140912"/>
            <a:ext cx="5546897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7" name="OTLSHAPE_T_d6cd6918e4544ca08125b0f9f39fbbbe_HorizontalConnector1">
            <a:extLst>
              <a:ext uri="{FF2B5EF4-FFF2-40B4-BE49-F238E27FC236}">
                <a16:creationId xmlns:a16="http://schemas.microsoft.com/office/drawing/2014/main" id="{FDA46E36-262D-437B-AA7F-AEC652F8281D}"/>
              </a:ext>
            </a:extLst>
          </p:cNvPr>
          <p:cNvCxnSpPr/>
          <p:nvPr>
            <p:custDataLst>
              <p:tags r:id="rId13"/>
            </p:custDataLst>
          </p:nvPr>
        </p:nvCxnSpPr>
        <p:spPr>
          <a:xfrm>
            <a:off x="698500" y="5407612"/>
            <a:ext cx="6422890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" name="OTLSHAPE_TB_00000000000000000000000000000000_ScaleContainer">
            <a:extLst>
              <a:ext uri="{FF2B5EF4-FFF2-40B4-BE49-F238E27FC236}">
                <a16:creationId xmlns:a16="http://schemas.microsoft.com/office/drawing/2014/main" id="{2E962C82-1D68-48C4-AD4F-A041AE59A97A}"/>
              </a:ext>
            </a:extLst>
          </p:cNvPr>
          <p:cNvSpPr/>
          <p:nvPr>
            <p:custDataLst>
              <p:tags r:id="rId14"/>
            </p:custDataLst>
          </p:nvPr>
        </p:nvSpPr>
        <p:spPr>
          <a:xfrm>
            <a:off x="1268476" y="5572712"/>
            <a:ext cx="7416800" cy="38100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rgbClr val="40404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zh-CN" altLang="en-US"/>
          </a:p>
        </p:txBody>
      </p:sp>
      <p:sp>
        <p:nvSpPr>
          <p:cNvPr id="6" name="OTLSHAPE_TB_00000000000000000000000000000000_ElapsedTime">
            <a:extLst>
              <a:ext uri="{FF2B5EF4-FFF2-40B4-BE49-F238E27FC236}">
                <a16:creationId xmlns:a16="http://schemas.microsoft.com/office/drawing/2014/main" id="{3AC34C84-FBC2-4737-97D6-055EA1433F7D}"/>
              </a:ext>
            </a:extLst>
          </p:cNvPr>
          <p:cNvSpPr/>
          <p:nvPr>
            <p:custDataLst>
              <p:tags r:id="rId15"/>
            </p:custDataLst>
          </p:nvPr>
        </p:nvSpPr>
        <p:spPr>
          <a:xfrm>
            <a:off x="1268476" y="5572712"/>
            <a:ext cx="774700" cy="381000"/>
          </a:xfrm>
          <a:prstGeom prst="snip2DiagRect">
            <a:avLst>
              <a:gd name="adj1" fmla="val 100000"/>
              <a:gd name="adj2" fmla="val 30000"/>
            </a:avLst>
          </a:prstGeom>
          <a:solidFill>
            <a:srgbClr val="FF0000">
              <a:alpha val="30196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zh-CN" altLang="en-US"/>
          </a:p>
        </p:txBody>
      </p:sp>
      <p:sp>
        <p:nvSpPr>
          <p:cNvPr id="7" name="OTLSHAPE_TB_00000000000000000000000000000000_TodayMarkerShape">
            <a:extLst>
              <a:ext uri="{FF2B5EF4-FFF2-40B4-BE49-F238E27FC236}">
                <a16:creationId xmlns:a16="http://schemas.microsoft.com/office/drawing/2014/main" id="{365B89CA-6DD9-4213-9FE3-8BA58E60CA72}"/>
              </a:ext>
            </a:extLst>
          </p:cNvPr>
          <p:cNvSpPr/>
          <p:nvPr>
            <p:custDataLst>
              <p:tags r:id="rId16"/>
            </p:custDataLst>
          </p:nvPr>
        </p:nvSpPr>
        <p:spPr>
          <a:xfrm>
            <a:off x="1980269" y="5953712"/>
            <a:ext cx="114300" cy="12700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zh-CN" altLang="en-US"/>
          </a:p>
        </p:txBody>
      </p:sp>
      <p:sp>
        <p:nvSpPr>
          <p:cNvPr id="8" name="OTLSHAPE_TB_00000000000000000000000000000000_TodayMarkerText">
            <a:extLst>
              <a:ext uri="{FF2B5EF4-FFF2-40B4-BE49-F238E27FC236}">
                <a16:creationId xmlns:a16="http://schemas.microsoft.com/office/drawing/2014/main" id="{5614A285-1E5B-496A-A11B-D86C2BA0BDD1}"/>
              </a:ext>
            </a:extLst>
          </p:cNvPr>
          <p:cNvSpPr txBox="1"/>
          <p:nvPr>
            <p:custDataLst>
              <p:tags r:id="rId17"/>
            </p:custDataLst>
          </p:nvPr>
        </p:nvSpPr>
        <p:spPr>
          <a:xfrm>
            <a:off x="1854569" y="6080712"/>
            <a:ext cx="3683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altLang="zh-CN" sz="1200" spc="-12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  <a:endParaRPr lang="zh-CN" altLang="en-US" sz="1200" spc="-12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9" name="OTLSHAPE_TB_00000000000000000000000000000000_TimescaleInterval1">
            <a:extLst>
              <a:ext uri="{FF2B5EF4-FFF2-40B4-BE49-F238E27FC236}">
                <a16:creationId xmlns:a16="http://schemas.microsoft.com/office/drawing/2014/main" id="{3DC3826E-2BB9-4A25-AA1F-2BD869ADAB85}"/>
              </a:ext>
            </a:extLst>
          </p:cNvPr>
          <p:cNvSpPr txBox="1"/>
          <p:nvPr>
            <p:custDataLst>
              <p:tags r:id="rId18"/>
            </p:custDataLst>
          </p:nvPr>
        </p:nvSpPr>
        <p:spPr>
          <a:xfrm>
            <a:off x="1497076" y="5654691"/>
            <a:ext cx="236860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altLang="zh-CN" sz="1400" spc="-30">
                <a:solidFill>
                  <a:schemeClr val="lt1"/>
                </a:solidFill>
                <a:latin typeface="Calibri" panose="020F0502020204030204" pitchFamily="34" charset="0"/>
              </a:rPr>
              <a:t>Jun</a:t>
            </a:r>
            <a:endParaRPr lang="zh-CN" altLang="en-US" sz="1400" spc="-3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1" name="OTLSHAPE_TB_00000000000000000000000000000000_TimescaleInterval2">
            <a:extLst>
              <a:ext uri="{FF2B5EF4-FFF2-40B4-BE49-F238E27FC236}">
                <a16:creationId xmlns:a16="http://schemas.microsoft.com/office/drawing/2014/main" id="{8E4BD6E8-5FB1-48C5-9EF1-BD29E1AE2D8E}"/>
              </a:ext>
            </a:extLst>
          </p:cNvPr>
          <p:cNvSpPr txBox="1"/>
          <p:nvPr>
            <p:custDataLst>
              <p:tags r:id="rId19"/>
            </p:custDataLst>
          </p:nvPr>
        </p:nvSpPr>
        <p:spPr>
          <a:xfrm>
            <a:off x="2884348" y="5654691"/>
            <a:ext cx="186269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altLang="zh-CN" sz="1400" spc="-32">
                <a:solidFill>
                  <a:schemeClr val="lt1"/>
                </a:solidFill>
                <a:latin typeface="Calibri" panose="020F0502020204030204" pitchFamily="34" charset="0"/>
              </a:rPr>
              <a:t>Jul</a:t>
            </a:r>
            <a:endParaRPr lang="zh-CN" altLang="en-US" sz="1400" spc="-32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3" name="OTLSHAPE_TB_00000000000000000000000000000000_TimescaleInterval3">
            <a:extLst>
              <a:ext uri="{FF2B5EF4-FFF2-40B4-BE49-F238E27FC236}">
                <a16:creationId xmlns:a16="http://schemas.microsoft.com/office/drawing/2014/main" id="{D84F0F53-4397-4D1A-BA18-EC1B104C771A}"/>
              </a:ext>
            </a:extLst>
          </p:cNvPr>
          <p:cNvSpPr txBox="1"/>
          <p:nvPr>
            <p:custDataLst>
              <p:tags r:id="rId20"/>
            </p:custDataLst>
          </p:nvPr>
        </p:nvSpPr>
        <p:spPr>
          <a:xfrm>
            <a:off x="4317862" y="5654691"/>
            <a:ext cx="272190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altLang="zh-CN" sz="1400" spc="-32">
                <a:solidFill>
                  <a:schemeClr val="lt1"/>
                </a:solidFill>
                <a:latin typeface="Calibri" panose="020F0502020204030204" pitchFamily="34" charset="0"/>
              </a:rPr>
              <a:t>Aug</a:t>
            </a:r>
            <a:endParaRPr lang="zh-CN" altLang="en-US" sz="1400" spc="-32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5" name="OTLSHAPE_TB_00000000000000000000000000000000_TimescaleInterval4">
            <a:extLst>
              <a:ext uri="{FF2B5EF4-FFF2-40B4-BE49-F238E27FC236}">
                <a16:creationId xmlns:a16="http://schemas.microsoft.com/office/drawing/2014/main" id="{C6B001B4-B07E-4EDE-8365-A8131D37BAA6}"/>
              </a:ext>
            </a:extLst>
          </p:cNvPr>
          <p:cNvSpPr txBox="1"/>
          <p:nvPr>
            <p:custDataLst>
              <p:tags r:id="rId21"/>
            </p:custDataLst>
          </p:nvPr>
        </p:nvSpPr>
        <p:spPr>
          <a:xfrm>
            <a:off x="5751376" y="5654691"/>
            <a:ext cx="255326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altLang="zh-CN" sz="1400" spc="-28">
                <a:solidFill>
                  <a:schemeClr val="lt1"/>
                </a:solidFill>
                <a:latin typeface="Calibri" panose="020F0502020204030204" pitchFamily="34" charset="0"/>
              </a:rPr>
              <a:t>Sep</a:t>
            </a:r>
            <a:endParaRPr lang="zh-CN" altLang="en-US" sz="1400" spc="-28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7" name="OTLSHAPE_TB_00000000000000000000000000000000_TimescaleInterval5">
            <a:extLst>
              <a:ext uri="{FF2B5EF4-FFF2-40B4-BE49-F238E27FC236}">
                <a16:creationId xmlns:a16="http://schemas.microsoft.com/office/drawing/2014/main" id="{69904C93-044A-4B4F-906F-E855EB744154}"/>
              </a:ext>
            </a:extLst>
          </p:cNvPr>
          <p:cNvSpPr txBox="1"/>
          <p:nvPr>
            <p:custDataLst>
              <p:tags r:id="rId22"/>
            </p:custDataLst>
          </p:nvPr>
        </p:nvSpPr>
        <p:spPr>
          <a:xfrm>
            <a:off x="7138648" y="5654691"/>
            <a:ext cx="244875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altLang="zh-CN" sz="1400" spc="-28">
                <a:solidFill>
                  <a:schemeClr val="lt1"/>
                </a:solidFill>
                <a:latin typeface="Calibri" panose="020F0502020204030204" pitchFamily="34" charset="0"/>
              </a:rPr>
              <a:t>Oct</a:t>
            </a:r>
            <a:endParaRPr lang="zh-CN" altLang="en-US" sz="1400" spc="-28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10" name="OTLSHAPE_TB_00000000000000000000000000000000_Separator1">
            <a:extLst>
              <a:ext uri="{FF2B5EF4-FFF2-40B4-BE49-F238E27FC236}">
                <a16:creationId xmlns:a16="http://schemas.microsoft.com/office/drawing/2014/main" id="{255D4E8D-35CE-49C1-80AB-241CCC5793EB}"/>
              </a:ext>
            </a:extLst>
          </p:cNvPr>
          <p:cNvCxnSpPr/>
          <p:nvPr>
            <p:custDataLst>
              <p:tags r:id="rId23"/>
            </p:custDataLst>
          </p:nvPr>
        </p:nvCxnSpPr>
        <p:spPr>
          <a:xfrm>
            <a:off x="2820847" y="5636212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" name="OTLSHAPE_TB_00000000000000000000000000000000_Separator2">
            <a:extLst>
              <a:ext uri="{FF2B5EF4-FFF2-40B4-BE49-F238E27FC236}">
                <a16:creationId xmlns:a16="http://schemas.microsoft.com/office/drawing/2014/main" id="{419DE527-7E9F-44B9-8A72-BD7977D9BF85}"/>
              </a:ext>
            </a:extLst>
          </p:cNvPr>
          <p:cNvCxnSpPr/>
          <p:nvPr>
            <p:custDataLst>
              <p:tags r:id="rId24"/>
            </p:custDataLst>
          </p:nvPr>
        </p:nvCxnSpPr>
        <p:spPr>
          <a:xfrm>
            <a:off x="4254361" y="5636212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" name="OTLSHAPE_TB_00000000000000000000000000000000_Separator3">
            <a:extLst>
              <a:ext uri="{FF2B5EF4-FFF2-40B4-BE49-F238E27FC236}">
                <a16:creationId xmlns:a16="http://schemas.microsoft.com/office/drawing/2014/main" id="{5D4D2B7A-7CC9-4778-9486-FC7D72158BE5}"/>
              </a:ext>
            </a:extLst>
          </p:cNvPr>
          <p:cNvCxnSpPr/>
          <p:nvPr>
            <p:custDataLst>
              <p:tags r:id="rId25"/>
            </p:custDataLst>
          </p:nvPr>
        </p:nvCxnSpPr>
        <p:spPr>
          <a:xfrm>
            <a:off x="5687875" y="5636212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" name="OTLSHAPE_TB_00000000000000000000000000000000_Separator4">
            <a:extLst>
              <a:ext uri="{FF2B5EF4-FFF2-40B4-BE49-F238E27FC236}">
                <a16:creationId xmlns:a16="http://schemas.microsoft.com/office/drawing/2014/main" id="{86E6BC6C-31FA-4F6D-ABEA-80EBEEF35944}"/>
              </a:ext>
            </a:extLst>
          </p:cNvPr>
          <p:cNvCxnSpPr/>
          <p:nvPr>
            <p:custDataLst>
              <p:tags r:id="rId26"/>
            </p:custDataLst>
          </p:nvPr>
        </p:nvCxnSpPr>
        <p:spPr>
          <a:xfrm>
            <a:off x="7075147" y="5636212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8" name="OTLSHAPE_T_245d22ed08da4e5ca6c75c05af968196_Shape">
            <a:extLst>
              <a:ext uri="{FF2B5EF4-FFF2-40B4-BE49-F238E27FC236}">
                <a16:creationId xmlns:a16="http://schemas.microsoft.com/office/drawing/2014/main" id="{35A9205F-3273-4CBA-8356-EBD4F8EBCEC9}"/>
              </a:ext>
            </a:extLst>
          </p:cNvPr>
          <p:cNvSpPr/>
          <p:nvPr>
            <p:custDataLst>
              <p:tags r:id="rId27"/>
            </p:custDataLst>
          </p:nvPr>
        </p:nvSpPr>
        <p:spPr>
          <a:xfrm>
            <a:off x="1896000" y="2905712"/>
            <a:ext cx="647700" cy="20320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zh-CN" altLang="en-US"/>
          </a:p>
        </p:txBody>
      </p:sp>
      <p:sp>
        <p:nvSpPr>
          <p:cNvPr id="36" name="OTLSHAPE_T_896c610910d349219f9166d2ef7c48ec_Shape">
            <a:extLst>
              <a:ext uri="{FF2B5EF4-FFF2-40B4-BE49-F238E27FC236}">
                <a16:creationId xmlns:a16="http://schemas.microsoft.com/office/drawing/2014/main" id="{7ADCE85E-48EA-4331-B714-67FA953FD85C}"/>
              </a:ext>
            </a:extLst>
          </p:cNvPr>
          <p:cNvSpPr/>
          <p:nvPr>
            <p:custDataLst>
              <p:tags r:id="rId28"/>
            </p:custDataLst>
          </p:nvPr>
        </p:nvSpPr>
        <p:spPr>
          <a:xfrm>
            <a:off x="1896000" y="3172412"/>
            <a:ext cx="330200" cy="20320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rgbClr val="FEBA0A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zh-CN" altLang="en-US"/>
          </a:p>
        </p:txBody>
      </p:sp>
      <p:sp>
        <p:nvSpPr>
          <p:cNvPr id="44" name="OTLSHAPE_T_5f44ac7a652b4134a5a1b019d0bf322a_Shape">
            <a:extLst>
              <a:ext uri="{FF2B5EF4-FFF2-40B4-BE49-F238E27FC236}">
                <a16:creationId xmlns:a16="http://schemas.microsoft.com/office/drawing/2014/main" id="{63C16902-9896-47E5-8B98-27B4B31CC43D}"/>
              </a:ext>
            </a:extLst>
          </p:cNvPr>
          <p:cNvSpPr/>
          <p:nvPr>
            <p:custDataLst>
              <p:tags r:id="rId29"/>
            </p:custDataLst>
          </p:nvPr>
        </p:nvSpPr>
        <p:spPr>
          <a:xfrm>
            <a:off x="2219697" y="3439112"/>
            <a:ext cx="1295400" cy="20320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rgbClr val="FEBA0A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zh-CN" altLang="en-US"/>
          </a:p>
        </p:txBody>
      </p:sp>
      <p:sp>
        <p:nvSpPr>
          <p:cNvPr id="52" name="OTLSHAPE_T_a6dcb0be0b724d54a0cc473f87303ed1_Shape">
            <a:extLst>
              <a:ext uri="{FF2B5EF4-FFF2-40B4-BE49-F238E27FC236}">
                <a16:creationId xmlns:a16="http://schemas.microsoft.com/office/drawing/2014/main" id="{0D873D9A-9004-4936-900D-ABC3EE9D71B6}"/>
              </a:ext>
            </a:extLst>
          </p:cNvPr>
          <p:cNvSpPr/>
          <p:nvPr>
            <p:custDataLst>
              <p:tags r:id="rId30"/>
            </p:custDataLst>
          </p:nvPr>
        </p:nvSpPr>
        <p:spPr>
          <a:xfrm>
            <a:off x="3514484" y="3705812"/>
            <a:ext cx="647700" cy="20320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rgbClr val="EB641B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zh-CN" altLang="en-US"/>
          </a:p>
        </p:txBody>
      </p:sp>
      <p:sp>
        <p:nvSpPr>
          <p:cNvPr id="60" name="OTLSHAPE_T_9850da1bffb34140aeb9ea002fc3a6fd_Shape">
            <a:extLst>
              <a:ext uri="{FF2B5EF4-FFF2-40B4-BE49-F238E27FC236}">
                <a16:creationId xmlns:a16="http://schemas.microsoft.com/office/drawing/2014/main" id="{EE53A8A5-E8FC-4D92-8299-62F6CAE6060C}"/>
              </a:ext>
            </a:extLst>
          </p:cNvPr>
          <p:cNvSpPr/>
          <p:nvPr>
            <p:custDataLst>
              <p:tags r:id="rId31"/>
            </p:custDataLst>
          </p:nvPr>
        </p:nvSpPr>
        <p:spPr>
          <a:xfrm>
            <a:off x="4161877" y="3972512"/>
            <a:ext cx="647700" cy="20320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zh-CN" altLang="en-US"/>
          </a:p>
        </p:txBody>
      </p:sp>
      <p:sp>
        <p:nvSpPr>
          <p:cNvPr id="68" name="OTLSHAPE_T_772642c0bb2548348ddfc99c36f57354_Shape">
            <a:extLst>
              <a:ext uri="{FF2B5EF4-FFF2-40B4-BE49-F238E27FC236}">
                <a16:creationId xmlns:a16="http://schemas.microsoft.com/office/drawing/2014/main" id="{03D1BF68-AC02-444D-963F-7BF6333886D5}"/>
              </a:ext>
            </a:extLst>
          </p:cNvPr>
          <p:cNvSpPr/>
          <p:nvPr>
            <p:custDataLst>
              <p:tags r:id="rId32"/>
            </p:custDataLst>
          </p:nvPr>
        </p:nvSpPr>
        <p:spPr>
          <a:xfrm>
            <a:off x="4809270" y="4239212"/>
            <a:ext cx="647700" cy="20320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zh-CN" altLang="en-US"/>
          </a:p>
        </p:txBody>
      </p:sp>
      <p:sp>
        <p:nvSpPr>
          <p:cNvPr id="76" name="OTLSHAPE_T_effdb9053c9a41959460c89ae7271885_Shape">
            <a:extLst>
              <a:ext uri="{FF2B5EF4-FFF2-40B4-BE49-F238E27FC236}">
                <a16:creationId xmlns:a16="http://schemas.microsoft.com/office/drawing/2014/main" id="{FE1F113C-96C2-44B8-9D5C-C485E5959169}"/>
              </a:ext>
            </a:extLst>
          </p:cNvPr>
          <p:cNvSpPr/>
          <p:nvPr>
            <p:custDataLst>
              <p:tags r:id="rId33"/>
            </p:custDataLst>
          </p:nvPr>
        </p:nvSpPr>
        <p:spPr>
          <a:xfrm>
            <a:off x="5502874" y="4505912"/>
            <a:ext cx="330200" cy="20320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zh-CN" altLang="en-US"/>
          </a:p>
        </p:txBody>
      </p:sp>
      <p:sp>
        <p:nvSpPr>
          <p:cNvPr id="84" name="OTLSHAPE_T_53829502c5e2440faf9a3da7a16b1d13_Shape">
            <a:extLst>
              <a:ext uri="{FF2B5EF4-FFF2-40B4-BE49-F238E27FC236}">
                <a16:creationId xmlns:a16="http://schemas.microsoft.com/office/drawing/2014/main" id="{137E2D36-31D4-4DEE-A57B-AC1CB7378C25}"/>
              </a:ext>
            </a:extLst>
          </p:cNvPr>
          <p:cNvSpPr/>
          <p:nvPr>
            <p:custDataLst>
              <p:tags r:id="rId34"/>
            </p:custDataLst>
          </p:nvPr>
        </p:nvSpPr>
        <p:spPr>
          <a:xfrm>
            <a:off x="5826603" y="4772612"/>
            <a:ext cx="647700" cy="20320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zh-CN" altLang="en-US"/>
          </a:p>
        </p:txBody>
      </p:sp>
      <p:sp>
        <p:nvSpPr>
          <p:cNvPr id="92" name="OTLSHAPE_T_ff3bda11a3444531b22693b2203ac2b8_Shape">
            <a:extLst>
              <a:ext uri="{FF2B5EF4-FFF2-40B4-BE49-F238E27FC236}">
                <a16:creationId xmlns:a16="http://schemas.microsoft.com/office/drawing/2014/main" id="{3B19B731-41E2-414F-B927-36825DE30F2D}"/>
              </a:ext>
            </a:extLst>
          </p:cNvPr>
          <p:cNvSpPr/>
          <p:nvPr>
            <p:custDataLst>
              <p:tags r:id="rId35"/>
            </p:custDataLst>
          </p:nvPr>
        </p:nvSpPr>
        <p:spPr>
          <a:xfrm>
            <a:off x="6473997" y="5039312"/>
            <a:ext cx="647700" cy="20320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rgbClr val="EB641B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zh-CN" altLang="en-US"/>
          </a:p>
        </p:txBody>
      </p:sp>
      <p:sp>
        <p:nvSpPr>
          <p:cNvPr id="100" name="OTLSHAPE_T_d6cd6918e4544ca08125b0f9f39fbbbe_Shape">
            <a:extLst>
              <a:ext uri="{FF2B5EF4-FFF2-40B4-BE49-F238E27FC236}">
                <a16:creationId xmlns:a16="http://schemas.microsoft.com/office/drawing/2014/main" id="{1D0E57C4-7A0E-4EF0-A87F-364AADF8F4B1}"/>
              </a:ext>
            </a:extLst>
          </p:cNvPr>
          <p:cNvSpPr/>
          <p:nvPr>
            <p:custDataLst>
              <p:tags r:id="rId36"/>
            </p:custDataLst>
          </p:nvPr>
        </p:nvSpPr>
        <p:spPr>
          <a:xfrm>
            <a:off x="7121390" y="5306012"/>
            <a:ext cx="977900" cy="20320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rgbClr val="EB641B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zh-CN" altLang="en-US"/>
          </a:p>
        </p:txBody>
      </p:sp>
      <p:sp>
        <p:nvSpPr>
          <p:cNvPr id="29" name="OTLSHAPE_T_245d22ed08da4e5ca6c75c05af968196_ShapePercentage" hidden="1">
            <a:extLst>
              <a:ext uri="{FF2B5EF4-FFF2-40B4-BE49-F238E27FC236}">
                <a16:creationId xmlns:a16="http://schemas.microsoft.com/office/drawing/2014/main" id="{6714A67A-140E-44DC-8384-C4AB3015855F}"/>
              </a:ext>
            </a:extLst>
          </p:cNvPr>
          <p:cNvSpPr/>
          <p:nvPr>
            <p:custDataLst>
              <p:tags r:id="rId37"/>
            </p:custDataLst>
          </p:nvPr>
        </p:nvSpPr>
        <p:spPr>
          <a:xfrm>
            <a:off x="1896000" y="2905712"/>
            <a:ext cx="76200" cy="20320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zh-CN" altLang="en-US"/>
          </a:p>
        </p:txBody>
      </p:sp>
      <p:sp>
        <p:nvSpPr>
          <p:cNvPr id="37" name="OTLSHAPE_T_896c610910d349219f9166d2ef7c48ec_ShapePercentage" hidden="1">
            <a:extLst>
              <a:ext uri="{FF2B5EF4-FFF2-40B4-BE49-F238E27FC236}">
                <a16:creationId xmlns:a16="http://schemas.microsoft.com/office/drawing/2014/main" id="{F2D5D966-8CB4-4CC2-AC9F-FA2A094B902C}"/>
              </a:ext>
            </a:extLst>
          </p:cNvPr>
          <p:cNvSpPr/>
          <p:nvPr>
            <p:custDataLst>
              <p:tags r:id="rId38"/>
            </p:custDataLst>
          </p:nvPr>
        </p:nvSpPr>
        <p:spPr>
          <a:xfrm>
            <a:off x="1896000" y="3172412"/>
            <a:ext cx="76200" cy="20320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zh-CN" altLang="en-US"/>
          </a:p>
        </p:txBody>
      </p:sp>
      <p:sp>
        <p:nvSpPr>
          <p:cNvPr id="45" name="OTLSHAPE_T_5f44ac7a652b4134a5a1b019d0bf322a_ShapePercentage" hidden="1">
            <a:extLst>
              <a:ext uri="{FF2B5EF4-FFF2-40B4-BE49-F238E27FC236}">
                <a16:creationId xmlns:a16="http://schemas.microsoft.com/office/drawing/2014/main" id="{55DA8CD2-7E7C-4F20-8646-9A8C61A77D44}"/>
              </a:ext>
            </a:extLst>
          </p:cNvPr>
          <p:cNvSpPr/>
          <p:nvPr>
            <p:custDataLst>
              <p:tags r:id="rId39"/>
            </p:custDataLst>
          </p:nvPr>
        </p:nvSpPr>
        <p:spPr>
          <a:xfrm>
            <a:off x="2219697" y="3439112"/>
            <a:ext cx="76200" cy="20320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zh-CN" altLang="en-US"/>
          </a:p>
        </p:txBody>
      </p:sp>
      <p:sp>
        <p:nvSpPr>
          <p:cNvPr id="53" name="OTLSHAPE_T_a6dcb0be0b724d54a0cc473f87303ed1_ShapePercentage" hidden="1">
            <a:extLst>
              <a:ext uri="{FF2B5EF4-FFF2-40B4-BE49-F238E27FC236}">
                <a16:creationId xmlns:a16="http://schemas.microsoft.com/office/drawing/2014/main" id="{057C490C-7A71-4ABE-975C-A8F9B12B521E}"/>
              </a:ext>
            </a:extLst>
          </p:cNvPr>
          <p:cNvSpPr/>
          <p:nvPr>
            <p:custDataLst>
              <p:tags r:id="rId40"/>
            </p:custDataLst>
          </p:nvPr>
        </p:nvSpPr>
        <p:spPr>
          <a:xfrm>
            <a:off x="3514484" y="3705812"/>
            <a:ext cx="76200" cy="20320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zh-CN" altLang="en-US"/>
          </a:p>
        </p:txBody>
      </p:sp>
      <p:sp>
        <p:nvSpPr>
          <p:cNvPr id="61" name="OTLSHAPE_T_9850da1bffb34140aeb9ea002fc3a6fd_ShapePercentage" hidden="1">
            <a:extLst>
              <a:ext uri="{FF2B5EF4-FFF2-40B4-BE49-F238E27FC236}">
                <a16:creationId xmlns:a16="http://schemas.microsoft.com/office/drawing/2014/main" id="{A3D99970-27B2-4EB1-8673-638A7BA7030F}"/>
              </a:ext>
            </a:extLst>
          </p:cNvPr>
          <p:cNvSpPr/>
          <p:nvPr>
            <p:custDataLst>
              <p:tags r:id="rId41"/>
            </p:custDataLst>
          </p:nvPr>
        </p:nvSpPr>
        <p:spPr>
          <a:xfrm>
            <a:off x="4161877" y="3972512"/>
            <a:ext cx="76200" cy="20320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zh-CN" altLang="en-US"/>
          </a:p>
        </p:txBody>
      </p:sp>
      <p:sp>
        <p:nvSpPr>
          <p:cNvPr id="69" name="OTLSHAPE_T_772642c0bb2548348ddfc99c36f57354_ShapePercentage" hidden="1">
            <a:extLst>
              <a:ext uri="{FF2B5EF4-FFF2-40B4-BE49-F238E27FC236}">
                <a16:creationId xmlns:a16="http://schemas.microsoft.com/office/drawing/2014/main" id="{557792D6-B6F7-4547-89B9-BFAD6F8A34BC}"/>
              </a:ext>
            </a:extLst>
          </p:cNvPr>
          <p:cNvSpPr/>
          <p:nvPr>
            <p:custDataLst>
              <p:tags r:id="rId42"/>
            </p:custDataLst>
          </p:nvPr>
        </p:nvSpPr>
        <p:spPr>
          <a:xfrm>
            <a:off x="4809270" y="4239212"/>
            <a:ext cx="76200" cy="20320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zh-CN" altLang="en-US"/>
          </a:p>
        </p:txBody>
      </p:sp>
      <p:sp>
        <p:nvSpPr>
          <p:cNvPr id="77" name="OTLSHAPE_T_effdb9053c9a41959460c89ae7271885_ShapePercentage" hidden="1">
            <a:extLst>
              <a:ext uri="{FF2B5EF4-FFF2-40B4-BE49-F238E27FC236}">
                <a16:creationId xmlns:a16="http://schemas.microsoft.com/office/drawing/2014/main" id="{1C38A870-EC0C-4462-917B-B0AF952FB16C}"/>
              </a:ext>
            </a:extLst>
          </p:cNvPr>
          <p:cNvSpPr/>
          <p:nvPr>
            <p:custDataLst>
              <p:tags r:id="rId43"/>
            </p:custDataLst>
          </p:nvPr>
        </p:nvSpPr>
        <p:spPr>
          <a:xfrm>
            <a:off x="5502874" y="4505912"/>
            <a:ext cx="76200" cy="20320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zh-CN" altLang="en-US"/>
          </a:p>
        </p:txBody>
      </p:sp>
      <p:sp>
        <p:nvSpPr>
          <p:cNvPr id="85" name="OTLSHAPE_T_53829502c5e2440faf9a3da7a16b1d13_ShapePercentage" hidden="1">
            <a:extLst>
              <a:ext uri="{FF2B5EF4-FFF2-40B4-BE49-F238E27FC236}">
                <a16:creationId xmlns:a16="http://schemas.microsoft.com/office/drawing/2014/main" id="{9F98D611-F3A7-42E8-8BE6-2F8E7265702C}"/>
              </a:ext>
            </a:extLst>
          </p:cNvPr>
          <p:cNvSpPr/>
          <p:nvPr>
            <p:custDataLst>
              <p:tags r:id="rId44"/>
            </p:custDataLst>
          </p:nvPr>
        </p:nvSpPr>
        <p:spPr>
          <a:xfrm>
            <a:off x="5826603" y="4772612"/>
            <a:ext cx="76200" cy="20320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zh-CN" altLang="en-US"/>
          </a:p>
        </p:txBody>
      </p:sp>
      <p:sp>
        <p:nvSpPr>
          <p:cNvPr id="93" name="OTLSHAPE_T_ff3bda11a3444531b22693b2203ac2b8_ShapePercentage" hidden="1">
            <a:extLst>
              <a:ext uri="{FF2B5EF4-FFF2-40B4-BE49-F238E27FC236}">
                <a16:creationId xmlns:a16="http://schemas.microsoft.com/office/drawing/2014/main" id="{1D62CA6C-0EF0-4B99-B2DA-0AF391E9CC4A}"/>
              </a:ext>
            </a:extLst>
          </p:cNvPr>
          <p:cNvSpPr/>
          <p:nvPr>
            <p:custDataLst>
              <p:tags r:id="rId45"/>
            </p:custDataLst>
          </p:nvPr>
        </p:nvSpPr>
        <p:spPr>
          <a:xfrm>
            <a:off x="6473997" y="5039312"/>
            <a:ext cx="76200" cy="20320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zh-CN" altLang="en-US"/>
          </a:p>
        </p:txBody>
      </p:sp>
      <p:sp>
        <p:nvSpPr>
          <p:cNvPr id="101" name="OTLSHAPE_T_d6cd6918e4544ca08125b0f9f39fbbbe_ShapePercentage" hidden="1">
            <a:extLst>
              <a:ext uri="{FF2B5EF4-FFF2-40B4-BE49-F238E27FC236}">
                <a16:creationId xmlns:a16="http://schemas.microsoft.com/office/drawing/2014/main" id="{9F1FD185-15BD-48CC-8B22-90B259772531}"/>
              </a:ext>
            </a:extLst>
          </p:cNvPr>
          <p:cNvSpPr/>
          <p:nvPr>
            <p:custDataLst>
              <p:tags r:id="rId46"/>
            </p:custDataLst>
          </p:nvPr>
        </p:nvSpPr>
        <p:spPr>
          <a:xfrm>
            <a:off x="7121390" y="5306012"/>
            <a:ext cx="76200" cy="20320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zh-CN" altLang="en-US"/>
          </a:p>
        </p:txBody>
      </p:sp>
      <p:sp>
        <p:nvSpPr>
          <p:cNvPr id="30" name="OTLSHAPE_T_245d22ed08da4e5ca6c75c05af968196_Duration" hidden="1">
            <a:extLst>
              <a:ext uri="{FF2B5EF4-FFF2-40B4-BE49-F238E27FC236}">
                <a16:creationId xmlns:a16="http://schemas.microsoft.com/office/drawing/2014/main" id="{50E3323E-62EE-41EA-9E4B-B83131F0B755}"/>
              </a:ext>
            </a:extLst>
          </p:cNvPr>
          <p:cNvSpPr txBox="1"/>
          <p:nvPr>
            <p:custDataLst>
              <p:tags r:id="rId47"/>
            </p:custDataLst>
          </p:nvPr>
        </p:nvSpPr>
        <p:spPr>
          <a:xfrm>
            <a:off x="12700" y="-310466"/>
            <a:ext cx="393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zh-CN" sz="1000">
                <a:solidFill>
                  <a:schemeClr val="accent2"/>
                </a:solidFill>
                <a:latin typeface="Calibri" panose="020F0502020204030204" pitchFamily="34" charset="0"/>
              </a:rPr>
              <a:t>14 days</a:t>
            </a:r>
            <a:endParaRPr lang="zh-CN" alt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31" name="OTLSHAPE_T_245d22ed08da4e5ca6c75c05af968196_StartDate" hidden="1">
            <a:extLst>
              <a:ext uri="{FF2B5EF4-FFF2-40B4-BE49-F238E27FC236}">
                <a16:creationId xmlns:a16="http://schemas.microsoft.com/office/drawing/2014/main" id="{68E70E58-5C2A-4BF9-A37B-D84F9232CA31}"/>
              </a:ext>
            </a:extLst>
          </p:cNvPr>
          <p:cNvSpPr txBox="1"/>
          <p:nvPr>
            <p:custDataLst>
              <p:tags r:id="rId4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zh-CN" alt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2" name="OTLSHAPE_T_245d22ed08da4e5ca6c75c05af968196_EndDate" hidden="1">
            <a:extLst>
              <a:ext uri="{FF2B5EF4-FFF2-40B4-BE49-F238E27FC236}">
                <a16:creationId xmlns:a16="http://schemas.microsoft.com/office/drawing/2014/main" id="{DEC47DAA-4873-447B-B308-2B63177AF13B}"/>
              </a:ext>
            </a:extLst>
          </p:cNvPr>
          <p:cNvSpPr txBox="1"/>
          <p:nvPr>
            <p:custDataLst>
              <p:tags r:id="rId49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zh-CN" alt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3" name="OTLSHAPE_T_245d22ed08da4e5ca6c75c05af968196_JoinedDate">
            <a:extLst>
              <a:ext uri="{FF2B5EF4-FFF2-40B4-BE49-F238E27FC236}">
                <a16:creationId xmlns:a16="http://schemas.microsoft.com/office/drawing/2014/main" id="{E9115240-C4D0-484B-B42E-A48B98105F78}"/>
              </a:ext>
            </a:extLst>
          </p:cNvPr>
          <p:cNvSpPr txBox="1"/>
          <p:nvPr>
            <p:custDataLst>
              <p:tags r:id="rId50"/>
            </p:custDataLst>
          </p:nvPr>
        </p:nvSpPr>
        <p:spPr>
          <a:xfrm>
            <a:off x="2594161" y="2929800"/>
            <a:ext cx="762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zh-CN" sz="1000" spc="-4">
                <a:solidFill>
                  <a:schemeClr val="dk2"/>
                </a:solidFill>
                <a:latin typeface="Calibri" panose="020F0502020204030204" pitchFamily="34" charset="0"/>
              </a:rPr>
              <a:t>Jun 11 - Jun 24</a:t>
            </a:r>
            <a:endParaRPr lang="zh-CN" altLang="en-US" sz="1000" spc="-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4" name="OTLSHAPE_T_245d22ed08da4e5ca6c75c05af968196_TextPercentage" hidden="1">
            <a:extLst>
              <a:ext uri="{FF2B5EF4-FFF2-40B4-BE49-F238E27FC236}">
                <a16:creationId xmlns:a16="http://schemas.microsoft.com/office/drawing/2014/main" id="{3DCFC757-42C2-425B-A571-BAFEF97CD4FC}"/>
              </a:ext>
            </a:extLst>
          </p:cNvPr>
          <p:cNvSpPr txBox="1"/>
          <p:nvPr>
            <p:custDataLst>
              <p:tags r:id="rId51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zh-CN" altLang="en-US" sz="1000">
              <a:solidFill>
                <a:srgbClr val="EEECE1"/>
              </a:solidFill>
              <a:latin typeface="Calibri" panose="020F0502020204030204" pitchFamily="34" charset="0"/>
            </a:endParaRPr>
          </a:p>
        </p:txBody>
      </p:sp>
      <p:sp>
        <p:nvSpPr>
          <p:cNvPr id="35" name="OTLSHAPE_T_245d22ed08da4e5ca6c75c05af968196_Title">
            <a:extLst>
              <a:ext uri="{FF2B5EF4-FFF2-40B4-BE49-F238E27FC236}">
                <a16:creationId xmlns:a16="http://schemas.microsoft.com/office/drawing/2014/main" id="{A701E122-2270-4565-9DD9-C20DB59C2E72}"/>
              </a:ext>
            </a:extLst>
          </p:cNvPr>
          <p:cNvSpPr txBox="1"/>
          <p:nvPr>
            <p:custDataLst>
              <p:tags r:id="rId52"/>
            </p:custDataLst>
          </p:nvPr>
        </p:nvSpPr>
        <p:spPr>
          <a:xfrm>
            <a:off x="127000" y="2937547"/>
            <a:ext cx="9652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zh-CN" altLang="en-US" sz="900" b="1" spc="-2">
                <a:solidFill>
                  <a:schemeClr val="dk1"/>
                </a:solidFill>
                <a:latin typeface="Calibri" panose="020F0502020204030204" pitchFamily="34" charset="0"/>
              </a:rPr>
              <a:t>放大板</a:t>
            </a:r>
            <a:r>
              <a:rPr lang="en-US" altLang="zh-CN" sz="900" b="1" spc="-2">
                <a:solidFill>
                  <a:schemeClr val="dk1"/>
                </a:solidFill>
                <a:latin typeface="Calibri" panose="020F0502020204030204" pitchFamily="34" charset="0"/>
              </a:rPr>
              <a:t>v1</a:t>
            </a:r>
            <a:r>
              <a:rPr lang="zh-CN" altLang="en-US" sz="900" b="1" spc="-2">
                <a:solidFill>
                  <a:schemeClr val="dk1"/>
                </a:solidFill>
                <a:latin typeface="Calibri" panose="020F0502020204030204" pitchFamily="34" charset="0"/>
              </a:rPr>
              <a:t>测试</a:t>
            </a:r>
            <a:r>
              <a:rPr lang="en-US" altLang="zh-CN" sz="900" b="1" spc="-2">
                <a:solidFill>
                  <a:schemeClr val="dk1"/>
                </a:solidFill>
                <a:latin typeface="Calibri" panose="020F0502020204030204" pitchFamily="34" charset="0"/>
              </a:rPr>
              <a:t>_Fout</a:t>
            </a:r>
            <a:endParaRPr lang="zh-CN" altLang="en-US" sz="900" b="1" spc="-2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8" name="OTLSHAPE_T_896c610910d349219f9166d2ef7c48ec_Duration" hidden="1">
            <a:extLst>
              <a:ext uri="{FF2B5EF4-FFF2-40B4-BE49-F238E27FC236}">
                <a16:creationId xmlns:a16="http://schemas.microsoft.com/office/drawing/2014/main" id="{FF8BC246-0C74-4752-B18F-66C9FE3D6B6C}"/>
              </a:ext>
            </a:extLst>
          </p:cNvPr>
          <p:cNvSpPr txBox="1"/>
          <p:nvPr>
            <p:custDataLst>
              <p:tags r:id="rId53"/>
            </p:custDataLst>
          </p:nvPr>
        </p:nvSpPr>
        <p:spPr>
          <a:xfrm>
            <a:off x="12700" y="-233521"/>
            <a:ext cx="330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zh-CN" sz="1000">
                <a:solidFill>
                  <a:schemeClr val="accent2"/>
                </a:solidFill>
                <a:latin typeface="Calibri" panose="020F0502020204030204" pitchFamily="34" charset="0"/>
              </a:rPr>
              <a:t>7 days</a:t>
            </a:r>
            <a:endParaRPr lang="zh-CN" alt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39" name="OTLSHAPE_T_896c610910d349219f9166d2ef7c48ec_StartDate" hidden="1">
            <a:extLst>
              <a:ext uri="{FF2B5EF4-FFF2-40B4-BE49-F238E27FC236}">
                <a16:creationId xmlns:a16="http://schemas.microsoft.com/office/drawing/2014/main" id="{EBD504F2-710A-4F2B-AD2A-CDA4AF8470E2}"/>
              </a:ext>
            </a:extLst>
          </p:cNvPr>
          <p:cNvSpPr txBox="1"/>
          <p:nvPr>
            <p:custDataLst>
              <p:tags r:id="rId5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zh-CN" alt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0" name="OTLSHAPE_T_896c610910d349219f9166d2ef7c48ec_EndDate" hidden="1">
            <a:extLst>
              <a:ext uri="{FF2B5EF4-FFF2-40B4-BE49-F238E27FC236}">
                <a16:creationId xmlns:a16="http://schemas.microsoft.com/office/drawing/2014/main" id="{ED4D6F0F-5F9E-4194-9F28-04CEDD5488C4}"/>
              </a:ext>
            </a:extLst>
          </p:cNvPr>
          <p:cNvSpPr txBox="1"/>
          <p:nvPr>
            <p:custDataLst>
              <p:tags r:id="rId55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zh-CN" alt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1" name="OTLSHAPE_T_896c610910d349219f9166d2ef7c48ec_JoinedDate">
            <a:extLst>
              <a:ext uri="{FF2B5EF4-FFF2-40B4-BE49-F238E27FC236}">
                <a16:creationId xmlns:a16="http://schemas.microsoft.com/office/drawing/2014/main" id="{6035C09D-A16D-4217-A40E-D7566DA02418}"/>
              </a:ext>
            </a:extLst>
          </p:cNvPr>
          <p:cNvSpPr txBox="1"/>
          <p:nvPr>
            <p:custDataLst>
              <p:tags r:id="rId56"/>
            </p:custDataLst>
          </p:nvPr>
        </p:nvSpPr>
        <p:spPr>
          <a:xfrm>
            <a:off x="2270465" y="3196500"/>
            <a:ext cx="762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zh-CN" sz="1000" spc="-4">
                <a:solidFill>
                  <a:schemeClr val="dk2"/>
                </a:solidFill>
                <a:latin typeface="Calibri" panose="020F0502020204030204" pitchFamily="34" charset="0"/>
              </a:rPr>
              <a:t>Jun 11 - Jun 17</a:t>
            </a:r>
            <a:endParaRPr lang="zh-CN" altLang="en-US" sz="1000" spc="-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2" name="OTLSHAPE_T_896c610910d349219f9166d2ef7c48ec_TextPercentage" hidden="1">
            <a:extLst>
              <a:ext uri="{FF2B5EF4-FFF2-40B4-BE49-F238E27FC236}">
                <a16:creationId xmlns:a16="http://schemas.microsoft.com/office/drawing/2014/main" id="{51CCD032-B34C-467C-891D-C36FD1028599}"/>
              </a:ext>
            </a:extLst>
          </p:cNvPr>
          <p:cNvSpPr txBox="1"/>
          <p:nvPr>
            <p:custDataLst>
              <p:tags r:id="rId5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zh-CN" altLang="en-US" sz="1000">
              <a:solidFill>
                <a:srgbClr val="EEECE1"/>
              </a:solidFill>
              <a:latin typeface="Calibri" panose="020F0502020204030204" pitchFamily="34" charset="0"/>
            </a:endParaRPr>
          </a:p>
        </p:txBody>
      </p:sp>
      <p:sp>
        <p:nvSpPr>
          <p:cNvPr id="43" name="OTLSHAPE_T_896c610910d349219f9166d2ef7c48ec_Title">
            <a:extLst>
              <a:ext uri="{FF2B5EF4-FFF2-40B4-BE49-F238E27FC236}">
                <a16:creationId xmlns:a16="http://schemas.microsoft.com/office/drawing/2014/main" id="{4D43D806-7644-4AF0-B4D4-48094B146CDC}"/>
              </a:ext>
            </a:extLst>
          </p:cNvPr>
          <p:cNvSpPr txBox="1"/>
          <p:nvPr>
            <p:custDataLst>
              <p:tags r:id="rId58"/>
            </p:custDataLst>
          </p:nvPr>
        </p:nvSpPr>
        <p:spPr>
          <a:xfrm>
            <a:off x="127000" y="3204247"/>
            <a:ext cx="6604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zh-CN" sz="900" b="1">
                <a:solidFill>
                  <a:schemeClr val="dk1"/>
                </a:solidFill>
                <a:latin typeface="Calibri" panose="020F0502020204030204" pitchFamily="34" charset="0"/>
              </a:rPr>
              <a:t>ADC</a:t>
            </a:r>
            <a:r>
              <a:rPr lang="zh-CN" altLang="en-US" sz="900" b="1">
                <a:solidFill>
                  <a:schemeClr val="dk1"/>
                </a:solidFill>
                <a:latin typeface="Calibri" panose="020F0502020204030204" pitchFamily="34" charset="0"/>
              </a:rPr>
              <a:t>子板焊接</a:t>
            </a:r>
          </a:p>
        </p:txBody>
      </p:sp>
      <p:sp>
        <p:nvSpPr>
          <p:cNvPr id="46" name="OTLSHAPE_T_5f44ac7a652b4134a5a1b019d0bf322a_Duration" hidden="1">
            <a:extLst>
              <a:ext uri="{FF2B5EF4-FFF2-40B4-BE49-F238E27FC236}">
                <a16:creationId xmlns:a16="http://schemas.microsoft.com/office/drawing/2014/main" id="{D5BCBBDA-05F9-4F4A-985B-72EA3F7DAA58}"/>
              </a:ext>
            </a:extLst>
          </p:cNvPr>
          <p:cNvSpPr txBox="1"/>
          <p:nvPr>
            <p:custDataLst>
              <p:tags r:id="rId59"/>
            </p:custDataLst>
          </p:nvPr>
        </p:nvSpPr>
        <p:spPr>
          <a:xfrm>
            <a:off x="12700" y="-310466"/>
            <a:ext cx="393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zh-CN" sz="1000">
                <a:solidFill>
                  <a:schemeClr val="accent2"/>
                </a:solidFill>
                <a:latin typeface="Calibri" panose="020F0502020204030204" pitchFamily="34" charset="0"/>
              </a:rPr>
              <a:t>28 days</a:t>
            </a:r>
            <a:endParaRPr lang="zh-CN" alt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47" name="OTLSHAPE_T_5f44ac7a652b4134a5a1b019d0bf322a_StartDate" hidden="1">
            <a:extLst>
              <a:ext uri="{FF2B5EF4-FFF2-40B4-BE49-F238E27FC236}">
                <a16:creationId xmlns:a16="http://schemas.microsoft.com/office/drawing/2014/main" id="{B5D13891-2E81-4201-A4F9-90895D8A2287}"/>
              </a:ext>
            </a:extLst>
          </p:cNvPr>
          <p:cNvSpPr txBox="1"/>
          <p:nvPr>
            <p:custDataLst>
              <p:tags r:id="rId6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zh-CN" alt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8" name="OTLSHAPE_T_5f44ac7a652b4134a5a1b019d0bf322a_EndDate" hidden="1">
            <a:extLst>
              <a:ext uri="{FF2B5EF4-FFF2-40B4-BE49-F238E27FC236}">
                <a16:creationId xmlns:a16="http://schemas.microsoft.com/office/drawing/2014/main" id="{4B92C461-6197-4F49-8E7D-DA81AEFB74B2}"/>
              </a:ext>
            </a:extLst>
          </p:cNvPr>
          <p:cNvSpPr txBox="1"/>
          <p:nvPr>
            <p:custDataLst>
              <p:tags r:id="rId61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zh-CN" alt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9" name="OTLSHAPE_T_5f44ac7a652b4134a5a1b019d0bf322a_JoinedDate">
            <a:extLst>
              <a:ext uri="{FF2B5EF4-FFF2-40B4-BE49-F238E27FC236}">
                <a16:creationId xmlns:a16="http://schemas.microsoft.com/office/drawing/2014/main" id="{B7C827A6-C808-483D-9F60-60A97ADBC39C}"/>
              </a:ext>
            </a:extLst>
          </p:cNvPr>
          <p:cNvSpPr txBox="1"/>
          <p:nvPr>
            <p:custDataLst>
              <p:tags r:id="rId62"/>
            </p:custDataLst>
          </p:nvPr>
        </p:nvSpPr>
        <p:spPr>
          <a:xfrm>
            <a:off x="3565251" y="3463200"/>
            <a:ext cx="723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zh-CN" sz="1000" spc="-4">
                <a:solidFill>
                  <a:schemeClr val="dk2"/>
                </a:solidFill>
                <a:latin typeface="Calibri" panose="020F0502020204030204" pitchFamily="34" charset="0"/>
              </a:rPr>
              <a:t>Jun 18 - Jul 15</a:t>
            </a:r>
            <a:endParaRPr lang="zh-CN" altLang="en-US" sz="1000" spc="-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0" name="OTLSHAPE_T_5f44ac7a652b4134a5a1b019d0bf322a_TextPercentage" hidden="1">
            <a:extLst>
              <a:ext uri="{FF2B5EF4-FFF2-40B4-BE49-F238E27FC236}">
                <a16:creationId xmlns:a16="http://schemas.microsoft.com/office/drawing/2014/main" id="{E1E3468D-23D5-40CD-AEF2-DA0AC3F1AD4E}"/>
              </a:ext>
            </a:extLst>
          </p:cNvPr>
          <p:cNvSpPr txBox="1"/>
          <p:nvPr>
            <p:custDataLst>
              <p:tags r:id="rId6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zh-CN" altLang="en-US" sz="1000">
              <a:solidFill>
                <a:srgbClr val="EEECE1"/>
              </a:solidFill>
              <a:latin typeface="Calibri" panose="020F0502020204030204" pitchFamily="34" charset="0"/>
            </a:endParaRPr>
          </a:p>
        </p:txBody>
      </p:sp>
      <p:sp>
        <p:nvSpPr>
          <p:cNvPr id="51" name="OTLSHAPE_T_5f44ac7a652b4134a5a1b019d0bf322a_Title">
            <a:extLst>
              <a:ext uri="{FF2B5EF4-FFF2-40B4-BE49-F238E27FC236}">
                <a16:creationId xmlns:a16="http://schemas.microsoft.com/office/drawing/2014/main" id="{AB3E6758-AE7A-4ADC-A53B-02756D121CE8}"/>
              </a:ext>
            </a:extLst>
          </p:cNvPr>
          <p:cNvSpPr txBox="1"/>
          <p:nvPr>
            <p:custDataLst>
              <p:tags r:id="rId64"/>
            </p:custDataLst>
          </p:nvPr>
        </p:nvSpPr>
        <p:spPr>
          <a:xfrm>
            <a:off x="127000" y="3470947"/>
            <a:ext cx="11811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zh-CN" sz="900" b="1" spc="-2">
                <a:solidFill>
                  <a:schemeClr val="dk1"/>
                </a:solidFill>
                <a:latin typeface="Calibri" panose="020F0502020204030204" pitchFamily="34" charset="0"/>
              </a:rPr>
              <a:t>ADC</a:t>
            </a:r>
            <a:r>
              <a:rPr lang="zh-CN" altLang="en-US" sz="900" b="1" spc="-2">
                <a:solidFill>
                  <a:schemeClr val="dk1"/>
                </a:solidFill>
                <a:latin typeface="Calibri" panose="020F0502020204030204" pitchFamily="34" charset="0"/>
              </a:rPr>
              <a:t>子板测试</a:t>
            </a:r>
            <a:r>
              <a:rPr lang="en-US" altLang="zh-CN" sz="900" b="1" spc="-2">
                <a:solidFill>
                  <a:schemeClr val="dk1"/>
                </a:solidFill>
                <a:latin typeface="Calibri" panose="020F0502020204030204" pitchFamily="34" charset="0"/>
              </a:rPr>
              <a:t>_</a:t>
            </a:r>
            <a:r>
              <a:rPr lang="zh-CN" altLang="en-US" sz="900" b="1" spc="-2">
                <a:solidFill>
                  <a:schemeClr val="dk1"/>
                </a:solidFill>
                <a:latin typeface="Calibri" panose="020F0502020204030204" pitchFamily="34" charset="0"/>
              </a:rPr>
              <a:t>代码攥写</a:t>
            </a:r>
          </a:p>
        </p:txBody>
      </p:sp>
      <p:sp>
        <p:nvSpPr>
          <p:cNvPr id="54" name="OTLSHAPE_T_a6dcb0be0b724d54a0cc473f87303ed1_Duration" hidden="1">
            <a:extLst>
              <a:ext uri="{FF2B5EF4-FFF2-40B4-BE49-F238E27FC236}">
                <a16:creationId xmlns:a16="http://schemas.microsoft.com/office/drawing/2014/main" id="{4A97A8B3-8578-46E9-AF09-CC71B4735D57}"/>
              </a:ext>
            </a:extLst>
          </p:cNvPr>
          <p:cNvSpPr txBox="1"/>
          <p:nvPr>
            <p:custDataLst>
              <p:tags r:id="rId65"/>
            </p:custDataLst>
          </p:nvPr>
        </p:nvSpPr>
        <p:spPr>
          <a:xfrm>
            <a:off x="12700" y="-310466"/>
            <a:ext cx="393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zh-CN" sz="1000">
                <a:solidFill>
                  <a:schemeClr val="accent2"/>
                </a:solidFill>
                <a:latin typeface="Calibri" panose="020F0502020204030204" pitchFamily="34" charset="0"/>
              </a:rPr>
              <a:t>14 days</a:t>
            </a:r>
            <a:endParaRPr lang="zh-CN" alt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55" name="OTLSHAPE_T_a6dcb0be0b724d54a0cc473f87303ed1_StartDate" hidden="1">
            <a:extLst>
              <a:ext uri="{FF2B5EF4-FFF2-40B4-BE49-F238E27FC236}">
                <a16:creationId xmlns:a16="http://schemas.microsoft.com/office/drawing/2014/main" id="{0A4C8C24-8AAC-4302-B657-3031913418C3}"/>
              </a:ext>
            </a:extLst>
          </p:cNvPr>
          <p:cNvSpPr txBox="1"/>
          <p:nvPr>
            <p:custDataLst>
              <p:tags r:id="rId66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zh-CN" alt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6" name="OTLSHAPE_T_a6dcb0be0b724d54a0cc473f87303ed1_EndDate" hidden="1">
            <a:extLst>
              <a:ext uri="{FF2B5EF4-FFF2-40B4-BE49-F238E27FC236}">
                <a16:creationId xmlns:a16="http://schemas.microsoft.com/office/drawing/2014/main" id="{34D7D6BE-5874-4BDA-8FD2-038792EF54D5}"/>
              </a:ext>
            </a:extLst>
          </p:cNvPr>
          <p:cNvSpPr txBox="1"/>
          <p:nvPr>
            <p:custDataLst>
              <p:tags r:id="rId6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zh-CN" alt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7" name="OTLSHAPE_T_a6dcb0be0b724d54a0cc473f87303ed1_JoinedDate">
            <a:extLst>
              <a:ext uri="{FF2B5EF4-FFF2-40B4-BE49-F238E27FC236}">
                <a16:creationId xmlns:a16="http://schemas.microsoft.com/office/drawing/2014/main" id="{D1CA9386-DC56-47FF-A454-F84726E2179F}"/>
              </a:ext>
            </a:extLst>
          </p:cNvPr>
          <p:cNvSpPr txBox="1"/>
          <p:nvPr>
            <p:custDataLst>
              <p:tags r:id="rId68"/>
            </p:custDataLst>
          </p:nvPr>
        </p:nvSpPr>
        <p:spPr>
          <a:xfrm>
            <a:off x="4212645" y="3729900"/>
            <a:ext cx="685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zh-CN" sz="1000" spc="-4">
                <a:solidFill>
                  <a:schemeClr val="dk2"/>
                </a:solidFill>
                <a:latin typeface="Calibri" panose="020F0502020204030204" pitchFamily="34" charset="0"/>
              </a:rPr>
              <a:t>Jul 16 - Jul 29</a:t>
            </a:r>
            <a:endParaRPr lang="zh-CN" altLang="en-US" sz="1000" spc="-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8" name="OTLSHAPE_T_a6dcb0be0b724d54a0cc473f87303ed1_TextPercentage" hidden="1">
            <a:extLst>
              <a:ext uri="{FF2B5EF4-FFF2-40B4-BE49-F238E27FC236}">
                <a16:creationId xmlns:a16="http://schemas.microsoft.com/office/drawing/2014/main" id="{418934D7-D61C-454C-B839-9A9C6134AA78}"/>
              </a:ext>
            </a:extLst>
          </p:cNvPr>
          <p:cNvSpPr txBox="1"/>
          <p:nvPr>
            <p:custDataLst>
              <p:tags r:id="rId69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zh-CN" altLang="en-US" sz="1000">
              <a:solidFill>
                <a:srgbClr val="EEECE1"/>
              </a:solidFill>
              <a:latin typeface="Calibri" panose="020F0502020204030204" pitchFamily="34" charset="0"/>
            </a:endParaRPr>
          </a:p>
        </p:txBody>
      </p:sp>
      <p:sp>
        <p:nvSpPr>
          <p:cNvPr id="59" name="OTLSHAPE_T_a6dcb0be0b724d54a0cc473f87303ed1_Title">
            <a:extLst>
              <a:ext uri="{FF2B5EF4-FFF2-40B4-BE49-F238E27FC236}">
                <a16:creationId xmlns:a16="http://schemas.microsoft.com/office/drawing/2014/main" id="{03B51730-670F-4380-9FB4-9183C59368D2}"/>
              </a:ext>
            </a:extLst>
          </p:cNvPr>
          <p:cNvSpPr txBox="1"/>
          <p:nvPr>
            <p:custDataLst>
              <p:tags r:id="rId70"/>
            </p:custDataLst>
          </p:nvPr>
        </p:nvSpPr>
        <p:spPr>
          <a:xfrm>
            <a:off x="127000" y="3737647"/>
            <a:ext cx="8128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zh-CN" altLang="en-US" sz="900" b="1">
                <a:solidFill>
                  <a:schemeClr val="dk1"/>
                </a:solidFill>
                <a:latin typeface="Calibri" panose="020F0502020204030204" pitchFamily="34" charset="0"/>
              </a:rPr>
              <a:t>整套电子学测试</a:t>
            </a:r>
          </a:p>
        </p:txBody>
      </p:sp>
      <p:sp>
        <p:nvSpPr>
          <p:cNvPr id="62" name="OTLSHAPE_T_9850da1bffb34140aeb9ea002fc3a6fd_Duration" hidden="1">
            <a:extLst>
              <a:ext uri="{FF2B5EF4-FFF2-40B4-BE49-F238E27FC236}">
                <a16:creationId xmlns:a16="http://schemas.microsoft.com/office/drawing/2014/main" id="{6F6529BE-A095-44D0-8D63-678A3F5AFE82}"/>
              </a:ext>
            </a:extLst>
          </p:cNvPr>
          <p:cNvSpPr txBox="1"/>
          <p:nvPr>
            <p:custDataLst>
              <p:tags r:id="rId71"/>
            </p:custDataLst>
          </p:nvPr>
        </p:nvSpPr>
        <p:spPr>
          <a:xfrm>
            <a:off x="12700" y="-310466"/>
            <a:ext cx="393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zh-CN" sz="1000">
                <a:solidFill>
                  <a:schemeClr val="accent2"/>
                </a:solidFill>
                <a:latin typeface="Calibri" panose="020F0502020204030204" pitchFamily="34" charset="0"/>
              </a:rPr>
              <a:t>14 days</a:t>
            </a:r>
            <a:endParaRPr lang="zh-CN" alt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63" name="OTLSHAPE_T_9850da1bffb34140aeb9ea002fc3a6fd_StartDate" hidden="1">
            <a:extLst>
              <a:ext uri="{FF2B5EF4-FFF2-40B4-BE49-F238E27FC236}">
                <a16:creationId xmlns:a16="http://schemas.microsoft.com/office/drawing/2014/main" id="{4A0971CA-E13C-4BD0-A0B6-08BB666B5917}"/>
              </a:ext>
            </a:extLst>
          </p:cNvPr>
          <p:cNvSpPr txBox="1"/>
          <p:nvPr>
            <p:custDataLst>
              <p:tags r:id="rId7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zh-CN" alt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4" name="OTLSHAPE_T_9850da1bffb34140aeb9ea002fc3a6fd_EndDate" hidden="1">
            <a:extLst>
              <a:ext uri="{FF2B5EF4-FFF2-40B4-BE49-F238E27FC236}">
                <a16:creationId xmlns:a16="http://schemas.microsoft.com/office/drawing/2014/main" id="{5F511E2D-FB37-477A-9382-A90660BA49E9}"/>
              </a:ext>
            </a:extLst>
          </p:cNvPr>
          <p:cNvSpPr txBox="1"/>
          <p:nvPr>
            <p:custDataLst>
              <p:tags r:id="rId7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zh-CN" alt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5" name="OTLSHAPE_T_9850da1bffb34140aeb9ea002fc3a6fd_JoinedDate">
            <a:extLst>
              <a:ext uri="{FF2B5EF4-FFF2-40B4-BE49-F238E27FC236}">
                <a16:creationId xmlns:a16="http://schemas.microsoft.com/office/drawing/2014/main" id="{EACCBB8C-BBC4-4FBB-A750-43AE3F7930EE}"/>
              </a:ext>
            </a:extLst>
          </p:cNvPr>
          <p:cNvSpPr txBox="1"/>
          <p:nvPr>
            <p:custDataLst>
              <p:tags r:id="rId74"/>
            </p:custDataLst>
          </p:nvPr>
        </p:nvSpPr>
        <p:spPr>
          <a:xfrm>
            <a:off x="4860039" y="3996600"/>
            <a:ext cx="749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zh-CN" sz="1000" spc="-4">
                <a:solidFill>
                  <a:schemeClr val="dk2"/>
                </a:solidFill>
                <a:latin typeface="Calibri" panose="020F0502020204030204" pitchFamily="34" charset="0"/>
              </a:rPr>
              <a:t>Jul 30 - Aug 12</a:t>
            </a:r>
            <a:endParaRPr lang="zh-CN" altLang="en-US" sz="1000" spc="-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6" name="OTLSHAPE_T_9850da1bffb34140aeb9ea002fc3a6fd_TextPercentage" hidden="1">
            <a:extLst>
              <a:ext uri="{FF2B5EF4-FFF2-40B4-BE49-F238E27FC236}">
                <a16:creationId xmlns:a16="http://schemas.microsoft.com/office/drawing/2014/main" id="{9706629A-8E24-4E6D-BD3C-E3288493BB0D}"/>
              </a:ext>
            </a:extLst>
          </p:cNvPr>
          <p:cNvSpPr txBox="1"/>
          <p:nvPr>
            <p:custDataLst>
              <p:tags r:id="rId75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zh-CN" altLang="en-US" sz="1000">
              <a:solidFill>
                <a:srgbClr val="EEECE1"/>
              </a:solidFill>
              <a:latin typeface="Calibri" panose="020F0502020204030204" pitchFamily="34" charset="0"/>
            </a:endParaRPr>
          </a:p>
        </p:txBody>
      </p:sp>
      <p:sp>
        <p:nvSpPr>
          <p:cNvPr id="67" name="OTLSHAPE_T_9850da1bffb34140aeb9ea002fc3a6fd_Title">
            <a:extLst>
              <a:ext uri="{FF2B5EF4-FFF2-40B4-BE49-F238E27FC236}">
                <a16:creationId xmlns:a16="http://schemas.microsoft.com/office/drawing/2014/main" id="{1812AF83-FAB5-44C4-BFBD-038CC56C4080}"/>
              </a:ext>
            </a:extLst>
          </p:cNvPr>
          <p:cNvSpPr txBox="1"/>
          <p:nvPr>
            <p:custDataLst>
              <p:tags r:id="rId76"/>
            </p:custDataLst>
          </p:nvPr>
        </p:nvSpPr>
        <p:spPr>
          <a:xfrm>
            <a:off x="127000" y="4004347"/>
            <a:ext cx="12065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zh-CN" altLang="en-US" sz="900" b="1">
                <a:solidFill>
                  <a:schemeClr val="dk1"/>
                </a:solidFill>
                <a:latin typeface="Calibri" panose="020F0502020204030204" pitchFamily="34" charset="0"/>
              </a:rPr>
              <a:t>放大板</a:t>
            </a:r>
            <a:r>
              <a:rPr lang="en-US" altLang="zh-CN" sz="900" b="1">
                <a:solidFill>
                  <a:schemeClr val="dk1"/>
                </a:solidFill>
                <a:latin typeface="Calibri" panose="020F0502020204030204" pitchFamily="34" charset="0"/>
              </a:rPr>
              <a:t>v2</a:t>
            </a:r>
            <a:r>
              <a:rPr lang="zh-CN" altLang="en-US" sz="900" b="1">
                <a:solidFill>
                  <a:schemeClr val="dk1"/>
                </a:solidFill>
                <a:latin typeface="Calibri" panose="020F0502020204030204" pitchFamily="34" charset="0"/>
              </a:rPr>
              <a:t>改版</a:t>
            </a:r>
            <a:r>
              <a:rPr lang="en-US" altLang="zh-CN" sz="900" b="1">
                <a:solidFill>
                  <a:schemeClr val="dk1"/>
                </a:solidFill>
                <a:latin typeface="Calibri" panose="020F0502020204030204" pitchFamily="34" charset="0"/>
              </a:rPr>
              <a:t>+</a:t>
            </a:r>
            <a:r>
              <a:rPr lang="zh-CN" altLang="en-US" sz="900" b="1">
                <a:solidFill>
                  <a:schemeClr val="dk1"/>
                </a:solidFill>
                <a:latin typeface="Calibri" panose="020F0502020204030204" pitchFamily="34" charset="0"/>
              </a:rPr>
              <a:t>采购器件</a:t>
            </a:r>
          </a:p>
        </p:txBody>
      </p:sp>
      <p:sp>
        <p:nvSpPr>
          <p:cNvPr id="70" name="OTLSHAPE_T_772642c0bb2548348ddfc99c36f57354_Duration" hidden="1">
            <a:extLst>
              <a:ext uri="{FF2B5EF4-FFF2-40B4-BE49-F238E27FC236}">
                <a16:creationId xmlns:a16="http://schemas.microsoft.com/office/drawing/2014/main" id="{C3ABDDA2-3513-4DD3-985C-FCBDACBC7385}"/>
              </a:ext>
            </a:extLst>
          </p:cNvPr>
          <p:cNvSpPr txBox="1"/>
          <p:nvPr>
            <p:custDataLst>
              <p:tags r:id="rId77"/>
            </p:custDataLst>
          </p:nvPr>
        </p:nvSpPr>
        <p:spPr>
          <a:xfrm>
            <a:off x="12700" y="-310466"/>
            <a:ext cx="393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zh-CN" sz="1000">
                <a:solidFill>
                  <a:schemeClr val="accent2"/>
                </a:solidFill>
                <a:latin typeface="Calibri" panose="020F0502020204030204" pitchFamily="34" charset="0"/>
              </a:rPr>
              <a:t>14 days</a:t>
            </a:r>
            <a:endParaRPr lang="zh-CN" alt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71" name="OTLSHAPE_T_772642c0bb2548348ddfc99c36f57354_StartDate" hidden="1">
            <a:extLst>
              <a:ext uri="{FF2B5EF4-FFF2-40B4-BE49-F238E27FC236}">
                <a16:creationId xmlns:a16="http://schemas.microsoft.com/office/drawing/2014/main" id="{84138576-6159-4B33-9D80-613D509FA4CD}"/>
              </a:ext>
            </a:extLst>
          </p:cNvPr>
          <p:cNvSpPr txBox="1"/>
          <p:nvPr>
            <p:custDataLst>
              <p:tags r:id="rId7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zh-CN" alt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72" name="OTLSHAPE_T_772642c0bb2548348ddfc99c36f57354_EndDate" hidden="1">
            <a:extLst>
              <a:ext uri="{FF2B5EF4-FFF2-40B4-BE49-F238E27FC236}">
                <a16:creationId xmlns:a16="http://schemas.microsoft.com/office/drawing/2014/main" id="{008A1718-26EC-4AA4-B6E5-C583D045C065}"/>
              </a:ext>
            </a:extLst>
          </p:cNvPr>
          <p:cNvSpPr txBox="1"/>
          <p:nvPr>
            <p:custDataLst>
              <p:tags r:id="rId79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zh-CN" alt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73" name="OTLSHAPE_T_772642c0bb2548348ddfc99c36f57354_JoinedDate">
            <a:extLst>
              <a:ext uri="{FF2B5EF4-FFF2-40B4-BE49-F238E27FC236}">
                <a16:creationId xmlns:a16="http://schemas.microsoft.com/office/drawing/2014/main" id="{490FA3B6-3BC8-46E1-9E07-A95725056DF8}"/>
              </a:ext>
            </a:extLst>
          </p:cNvPr>
          <p:cNvSpPr txBox="1"/>
          <p:nvPr>
            <p:custDataLst>
              <p:tags r:id="rId80"/>
            </p:custDataLst>
          </p:nvPr>
        </p:nvSpPr>
        <p:spPr>
          <a:xfrm>
            <a:off x="5507432" y="4263300"/>
            <a:ext cx="812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zh-CN" sz="1000" spc="-4">
                <a:solidFill>
                  <a:schemeClr val="dk2"/>
                </a:solidFill>
                <a:latin typeface="Calibri" panose="020F0502020204030204" pitchFamily="34" charset="0"/>
              </a:rPr>
              <a:t>Aug 13 - Aug 26</a:t>
            </a:r>
            <a:endParaRPr lang="zh-CN" altLang="en-US" sz="1000" spc="-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74" name="OTLSHAPE_T_772642c0bb2548348ddfc99c36f57354_TextPercentage" hidden="1">
            <a:extLst>
              <a:ext uri="{FF2B5EF4-FFF2-40B4-BE49-F238E27FC236}">
                <a16:creationId xmlns:a16="http://schemas.microsoft.com/office/drawing/2014/main" id="{78FB1EA2-5456-4112-99DC-C3497DE893D0}"/>
              </a:ext>
            </a:extLst>
          </p:cNvPr>
          <p:cNvSpPr txBox="1"/>
          <p:nvPr>
            <p:custDataLst>
              <p:tags r:id="rId81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zh-CN" altLang="en-US" sz="1000">
              <a:solidFill>
                <a:srgbClr val="EEECE1"/>
              </a:solidFill>
              <a:latin typeface="Calibri" panose="020F0502020204030204" pitchFamily="34" charset="0"/>
            </a:endParaRPr>
          </a:p>
        </p:txBody>
      </p:sp>
      <p:sp>
        <p:nvSpPr>
          <p:cNvPr id="75" name="OTLSHAPE_T_772642c0bb2548348ddfc99c36f57354_Title">
            <a:extLst>
              <a:ext uri="{FF2B5EF4-FFF2-40B4-BE49-F238E27FC236}">
                <a16:creationId xmlns:a16="http://schemas.microsoft.com/office/drawing/2014/main" id="{BFC1EA01-2077-42E0-9BAC-A110D5A6BE19}"/>
              </a:ext>
            </a:extLst>
          </p:cNvPr>
          <p:cNvSpPr txBox="1"/>
          <p:nvPr>
            <p:custDataLst>
              <p:tags r:id="rId82"/>
            </p:custDataLst>
          </p:nvPr>
        </p:nvSpPr>
        <p:spPr>
          <a:xfrm>
            <a:off x="127000" y="4271047"/>
            <a:ext cx="6858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zh-CN" altLang="en-US" sz="900" b="1">
                <a:solidFill>
                  <a:schemeClr val="dk1"/>
                </a:solidFill>
                <a:latin typeface="Calibri" panose="020F0502020204030204" pitchFamily="34" charset="0"/>
              </a:rPr>
              <a:t>放大板</a:t>
            </a:r>
            <a:r>
              <a:rPr lang="en-US" altLang="zh-CN" sz="900" b="1">
                <a:solidFill>
                  <a:schemeClr val="dk1"/>
                </a:solidFill>
                <a:latin typeface="Calibri" panose="020F0502020204030204" pitchFamily="34" charset="0"/>
              </a:rPr>
              <a:t>v2</a:t>
            </a:r>
            <a:r>
              <a:rPr lang="zh-CN" altLang="en-US" sz="900" b="1">
                <a:solidFill>
                  <a:schemeClr val="dk1"/>
                </a:solidFill>
                <a:latin typeface="Calibri" panose="020F0502020204030204" pitchFamily="34" charset="0"/>
              </a:rPr>
              <a:t>制板</a:t>
            </a:r>
          </a:p>
        </p:txBody>
      </p:sp>
      <p:sp>
        <p:nvSpPr>
          <p:cNvPr id="78" name="OTLSHAPE_T_effdb9053c9a41959460c89ae7271885_Duration" hidden="1">
            <a:extLst>
              <a:ext uri="{FF2B5EF4-FFF2-40B4-BE49-F238E27FC236}">
                <a16:creationId xmlns:a16="http://schemas.microsoft.com/office/drawing/2014/main" id="{5638DC96-D35B-4F78-B461-67A2B252C32F}"/>
              </a:ext>
            </a:extLst>
          </p:cNvPr>
          <p:cNvSpPr txBox="1"/>
          <p:nvPr>
            <p:custDataLst>
              <p:tags r:id="rId83"/>
            </p:custDataLst>
          </p:nvPr>
        </p:nvSpPr>
        <p:spPr>
          <a:xfrm>
            <a:off x="12700" y="-233521"/>
            <a:ext cx="330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zh-CN" sz="1000">
                <a:solidFill>
                  <a:schemeClr val="accent2"/>
                </a:solidFill>
                <a:latin typeface="Calibri" panose="020F0502020204030204" pitchFamily="34" charset="0"/>
              </a:rPr>
              <a:t>7 days</a:t>
            </a:r>
            <a:endParaRPr lang="zh-CN" alt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79" name="OTLSHAPE_T_effdb9053c9a41959460c89ae7271885_StartDate" hidden="1">
            <a:extLst>
              <a:ext uri="{FF2B5EF4-FFF2-40B4-BE49-F238E27FC236}">
                <a16:creationId xmlns:a16="http://schemas.microsoft.com/office/drawing/2014/main" id="{943E3BB9-9C11-4ACC-9C96-97E1BEB77A8E}"/>
              </a:ext>
            </a:extLst>
          </p:cNvPr>
          <p:cNvSpPr txBox="1"/>
          <p:nvPr>
            <p:custDataLst>
              <p:tags r:id="rId8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zh-CN" alt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80" name="OTLSHAPE_T_effdb9053c9a41959460c89ae7271885_EndDate" hidden="1">
            <a:extLst>
              <a:ext uri="{FF2B5EF4-FFF2-40B4-BE49-F238E27FC236}">
                <a16:creationId xmlns:a16="http://schemas.microsoft.com/office/drawing/2014/main" id="{CA7D86E1-F0A4-42D4-A90A-26FF8DF35F18}"/>
              </a:ext>
            </a:extLst>
          </p:cNvPr>
          <p:cNvSpPr txBox="1"/>
          <p:nvPr>
            <p:custDataLst>
              <p:tags r:id="rId85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zh-CN" alt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81" name="OTLSHAPE_T_effdb9053c9a41959460c89ae7271885_JoinedDate">
            <a:extLst>
              <a:ext uri="{FF2B5EF4-FFF2-40B4-BE49-F238E27FC236}">
                <a16:creationId xmlns:a16="http://schemas.microsoft.com/office/drawing/2014/main" id="{A5129556-B94B-4F51-96B2-E10C7DC21FD0}"/>
              </a:ext>
            </a:extLst>
          </p:cNvPr>
          <p:cNvSpPr txBox="1"/>
          <p:nvPr>
            <p:custDataLst>
              <p:tags r:id="rId86"/>
            </p:custDataLst>
          </p:nvPr>
        </p:nvSpPr>
        <p:spPr>
          <a:xfrm>
            <a:off x="5877371" y="4530000"/>
            <a:ext cx="736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zh-CN" sz="1000" spc="-4">
                <a:solidFill>
                  <a:schemeClr val="dk2"/>
                </a:solidFill>
                <a:latin typeface="Calibri" panose="020F0502020204030204" pitchFamily="34" charset="0"/>
              </a:rPr>
              <a:t>Aug 27 - Sep 3</a:t>
            </a:r>
            <a:endParaRPr lang="zh-CN" altLang="en-US" sz="1000" spc="-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82" name="OTLSHAPE_T_effdb9053c9a41959460c89ae7271885_TextPercentage" hidden="1">
            <a:extLst>
              <a:ext uri="{FF2B5EF4-FFF2-40B4-BE49-F238E27FC236}">
                <a16:creationId xmlns:a16="http://schemas.microsoft.com/office/drawing/2014/main" id="{C0B949D2-35F7-40B7-BCCC-2EFA0352F525}"/>
              </a:ext>
            </a:extLst>
          </p:cNvPr>
          <p:cNvSpPr txBox="1"/>
          <p:nvPr>
            <p:custDataLst>
              <p:tags r:id="rId8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zh-CN" altLang="en-US" sz="1000">
              <a:solidFill>
                <a:srgbClr val="EEECE1"/>
              </a:solidFill>
              <a:latin typeface="Calibri" panose="020F0502020204030204" pitchFamily="34" charset="0"/>
            </a:endParaRPr>
          </a:p>
        </p:txBody>
      </p:sp>
      <p:sp>
        <p:nvSpPr>
          <p:cNvPr id="83" name="OTLSHAPE_T_effdb9053c9a41959460c89ae7271885_Title">
            <a:extLst>
              <a:ext uri="{FF2B5EF4-FFF2-40B4-BE49-F238E27FC236}">
                <a16:creationId xmlns:a16="http://schemas.microsoft.com/office/drawing/2014/main" id="{7434446F-A99E-4393-92B4-E836A24158E5}"/>
              </a:ext>
            </a:extLst>
          </p:cNvPr>
          <p:cNvSpPr txBox="1"/>
          <p:nvPr>
            <p:custDataLst>
              <p:tags r:id="rId88"/>
            </p:custDataLst>
          </p:nvPr>
        </p:nvSpPr>
        <p:spPr>
          <a:xfrm>
            <a:off x="127000" y="4537747"/>
            <a:ext cx="6858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zh-CN" altLang="en-US" sz="900" b="1">
                <a:solidFill>
                  <a:schemeClr val="dk1"/>
                </a:solidFill>
                <a:latin typeface="Calibri" panose="020F0502020204030204" pitchFamily="34" charset="0"/>
              </a:rPr>
              <a:t>放大板</a:t>
            </a:r>
            <a:r>
              <a:rPr lang="en-US" altLang="zh-CN" sz="900" b="1">
                <a:solidFill>
                  <a:schemeClr val="dk1"/>
                </a:solidFill>
                <a:latin typeface="Calibri" panose="020F0502020204030204" pitchFamily="34" charset="0"/>
              </a:rPr>
              <a:t>v2</a:t>
            </a:r>
            <a:r>
              <a:rPr lang="zh-CN" altLang="en-US" sz="900" b="1">
                <a:solidFill>
                  <a:schemeClr val="dk1"/>
                </a:solidFill>
                <a:latin typeface="Calibri" panose="020F0502020204030204" pitchFamily="34" charset="0"/>
              </a:rPr>
              <a:t>焊接</a:t>
            </a:r>
          </a:p>
        </p:txBody>
      </p:sp>
      <p:sp>
        <p:nvSpPr>
          <p:cNvPr id="86" name="OTLSHAPE_T_53829502c5e2440faf9a3da7a16b1d13_Duration" hidden="1">
            <a:extLst>
              <a:ext uri="{FF2B5EF4-FFF2-40B4-BE49-F238E27FC236}">
                <a16:creationId xmlns:a16="http://schemas.microsoft.com/office/drawing/2014/main" id="{1496210C-593F-4CB2-9281-60FA406B0D6A}"/>
              </a:ext>
            </a:extLst>
          </p:cNvPr>
          <p:cNvSpPr txBox="1"/>
          <p:nvPr>
            <p:custDataLst>
              <p:tags r:id="rId89"/>
            </p:custDataLst>
          </p:nvPr>
        </p:nvSpPr>
        <p:spPr>
          <a:xfrm>
            <a:off x="12700" y="-310466"/>
            <a:ext cx="393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zh-CN" sz="1000">
                <a:solidFill>
                  <a:schemeClr val="accent2"/>
                </a:solidFill>
                <a:latin typeface="Calibri" panose="020F0502020204030204" pitchFamily="34" charset="0"/>
              </a:rPr>
              <a:t>14 days</a:t>
            </a:r>
            <a:endParaRPr lang="zh-CN" alt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87" name="OTLSHAPE_T_53829502c5e2440faf9a3da7a16b1d13_StartDate" hidden="1">
            <a:extLst>
              <a:ext uri="{FF2B5EF4-FFF2-40B4-BE49-F238E27FC236}">
                <a16:creationId xmlns:a16="http://schemas.microsoft.com/office/drawing/2014/main" id="{CA593A73-F9D0-48DA-A0D8-0031BDA1D5EF}"/>
              </a:ext>
            </a:extLst>
          </p:cNvPr>
          <p:cNvSpPr txBox="1"/>
          <p:nvPr>
            <p:custDataLst>
              <p:tags r:id="rId9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zh-CN" alt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88" name="OTLSHAPE_T_53829502c5e2440faf9a3da7a16b1d13_EndDate" hidden="1">
            <a:extLst>
              <a:ext uri="{FF2B5EF4-FFF2-40B4-BE49-F238E27FC236}">
                <a16:creationId xmlns:a16="http://schemas.microsoft.com/office/drawing/2014/main" id="{D1EDCCB6-1580-409F-8559-DF6CB065C6F3}"/>
              </a:ext>
            </a:extLst>
          </p:cNvPr>
          <p:cNvSpPr txBox="1"/>
          <p:nvPr>
            <p:custDataLst>
              <p:tags r:id="rId91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zh-CN" alt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89" name="OTLSHAPE_T_53829502c5e2440faf9a3da7a16b1d13_JoinedDate">
            <a:extLst>
              <a:ext uri="{FF2B5EF4-FFF2-40B4-BE49-F238E27FC236}">
                <a16:creationId xmlns:a16="http://schemas.microsoft.com/office/drawing/2014/main" id="{BEC1CC86-CF43-4D37-9D79-94FFD6B68291}"/>
              </a:ext>
            </a:extLst>
          </p:cNvPr>
          <p:cNvSpPr txBox="1"/>
          <p:nvPr>
            <p:custDataLst>
              <p:tags r:id="rId92"/>
            </p:custDataLst>
          </p:nvPr>
        </p:nvSpPr>
        <p:spPr>
          <a:xfrm>
            <a:off x="6524765" y="4796700"/>
            <a:ext cx="723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zh-CN" sz="1000" spc="-4">
                <a:solidFill>
                  <a:schemeClr val="dk2"/>
                </a:solidFill>
                <a:latin typeface="Calibri" panose="020F0502020204030204" pitchFamily="34" charset="0"/>
              </a:rPr>
              <a:t>Sep 4 - Sep 17</a:t>
            </a:r>
            <a:endParaRPr lang="zh-CN" altLang="en-US" sz="1000" spc="-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0" name="OTLSHAPE_T_53829502c5e2440faf9a3da7a16b1d13_TextPercentage" hidden="1">
            <a:extLst>
              <a:ext uri="{FF2B5EF4-FFF2-40B4-BE49-F238E27FC236}">
                <a16:creationId xmlns:a16="http://schemas.microsoft.com/office/drawing/2014/main" id="{89FA5773-2DE8-454A-8F8F-B43CB3E44B3D}"/>
              </a:ext>
            </a:extLst>
          </p:cNvPr>
          <p:cNvSpPr txBox="1"/>
          <p:nvPr>
            <p:custDataLst>
              <p:tags r:id="rId9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zh-CN" altLang="en-US" sz="1000">
              <a:solidFill>
                <a:srgbClr val="EEECE1"/>
              </a:solidFill>
              <a:latin typeface="Calibri" panose="020F0502020204030204" pitchFamily="34" charset="0"/>
            </a:endParaRPr>
          </a:p>
        </p:txBody>
      </p:sp>
      <p:sp>
        <p:nvSpPr>
          <p:cNvPr id="91" name="OTLSHAPE_T_53829502c5e2440faf9a3da7a16b1d13_Title">
            <a:extLst>
              <a:ext uri="{FF2B5EF4-FFF2-40B4-BE49-F238E27FC236}">
                <a16:creationId xmlns:a16="http://schemas.microsoft.com/office/drawing/2014/main" id="{C3C976C8-DFB5-4F13-8701-28D1C941095E}"/>
              </a:ext>
            </a:extLst>
          </p:cNvPr>
          <p:cNvSpPr txBox="1"/>
          <p:nvPr>
            <p:custDataLst>
              <p:tags r:id="rId94"/>
            </p:custDataLst>
          </p:nvPr>
        </p:nvSpPr>
        <p:spPr>
          <a:xfrm>
            <a:off x="127000" y="4804447"/>
            <a:ext cx="6858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zh-CN" altLang="en-US" sz="900" b="1">
                <a:solidFill>
                  <a:schemeClr val="dk1"/>
                </a:solidFill>
                <a:latin typeface="Calibri" panose="020F0502020204030204" pitchFamily="34" charset="0"/>
              </a:rPr>
              <a:t>放大板</a:t>
            </a:r>
            <a:r>
              <a:rPr lang="en-US" altLang="zh-CN" sz="900" b="1">
                <a:solidFill>
                  <a:schemeClr val="dk1"/>
                </a:solidFill>
                <a:latin typeface="Calibri" panose="020F0502020204030204" pitchFamily="34" charset="0"/>
              </a:rPr>
              <a:t>v2</a:t>
            </a:r>
            <a:r>
              <a:rPr lang="zh-CN" altLang="en-US" sz="900" b="1">
                <a:solidFill>
                  <a:schemeClr val="dk1"/>
                </a:solidFill>
                <a:latin typeface="Calibri" panose="020F0502020204030204" pitchFamily="34" charset="0"/>
              </a:rPr>
              <a:t>测试</a:t>
            </a:r>
          </a:p>
        </p:txBody>
      </p:sp>
      <p:sp>
        <p:nvSpPr>
          <p:cNvPr id="94" name="OTLSHAPE_T_ff3bda11a3444531b22693b2203ac2b8_Duration" hidden="1">
            <a:extLst>
              <a:ext uri="{FF2B5EF4-FFF2-40B4-BE49-F238E27FC236}">
                <a16:creationId xmlns:a16="http://schemas.microsoft.com/office/drawing/2014/main" id="{4BACB32C-12CD-4D78-9562-40F7FDB9B262}"/>
              </a:ext>
            </a:extLst>
          </p:cNvPr>
          <p:cNvSpPr txBox="1"/>
          <p:nvPr>
            <p:custDataLst>
              <p:tags r:id="rId95"/>
            </p:custDataLst>
          </p:nvPr>
        </p:nvSpPr>
        <p:spPr>
          <a:xfrm>
            <a:off x="12700" y="-310466"/>
            <a:ext cx="393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zh-CN" sz="1000">
                <a:solidFill>
                  <a:schemeClr val="accent2"/>
                </a:solidFill>
                <a:latin typeface="Calibri" panose="020F0502020204030204" pitchFamily="34" charset="0"/>
              </a:rPr>
              <a:t>14 days</a:t>
            </a:r>
            <a:endParaRPr lang="zh-CN" alt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95" name="OTLSHAPE_T_ff3bda11a3444531b22693b2203ac2b8_StartDate" hidden="1">
            <a:extLst>
              <a:ext uri="{FF2B5EF4-FFF2-40B4-BE49-F238E27FC236}">
                <a16:creationId xmlns:a16="http://schemas.microsoft.com/office/drawing/2014/main" id="{F637C20F-B69D-4661-8060-77000A7CDB8E}"/>
              </a:ext>
            </a:extLst>
          </p:cNvPr>
          <p:cNvSpPr txBox="1"/>
          <p:nvPr>
            <p:custDataLst>
              <p:tags r:id="rId96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zh-CN" alt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6" name="OTLSHAPE_T_ff3bda11a3444531b22693b2203ac2b8_EndDate" hidden="1">
            <a:extLst>
              <a:ext uri="{FF2B5EF4-FFF2-40B4-BE49-F238E27FC236}">
                <a16:creationId xmlns:a16="http://schemas.microsoft.com/office/drawing/2014/main" id="{2B51812F-D11E-4BC9-9B6B-B4673FA16FA4}"/>
              </a:ext>
            </a:extLst>
          </p:cNvPr>
          <p:cNvSpPr txBox="1"/>
          <p:nvPr>
            <p:custDataLst>
              <p:tags r:id="rId9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zh-CN" alt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7" name="OTLSHAPE_T_ff3bda11a3444531b22693b2203ac2b8_JoinedDate">
            <a:extLst>
              <a:ext uri="{FF2B5EF4-FFF2-40B4-BE49-F238E27FC236}">
                <a16:creationId xmlns:a16="http://schemas.microsoft.com/office/drawing/2014/main" id="{22678F43-B220-4D95-A5BC-6C04A2340FC5}"/>
              </a:ext>
            </a:extLst>
          </p:cNvPr>
          <p:cNvSpPr txBox="1"/>
          <p:nvPr>
            <p:custDataLst>
              <p:tags r:id="rId98"/>
            </p:custDataLst>
          </p:nvPr>
        </p:nvSpPr>
        <p:spPr>
          <a:xfrm>
            <a:off x="7172158" y="5063400"/>
            <a:ext cx="723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zh-CN" sz="1000" spc="-4">
                <a:solidFill>
                  <a:schemeClr val="dk2"/>
                </a:solidFill>
                <a:latin typeface="Calibri" panose="020F0502020204030204" pitchFamily="34" charset="0"/>
              </a:rPr>
              <a:t>Sep 18 - Oct 1</a:t>
            </a:r>
            <a:endParaRPr lang="zh-CN" altLang="en-US" sz="1000" spc="-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8" name="OTLSHAPE_T_ff3bda11a3444531b22693b2203ac2b8_TextPercentage" hidden="1">
            <a:extLst>
              <a:ext uri="{FF2B5EF4-FFF2-40B4-BE49-F238E27FC236}">
                <a16:creationId xmlns:a16="http://schemas.microsoft.com/office/drawing/2014/main" id="{32A607D6-12B7-4526-B978-AB3E3CCF9E81}"/>
              </a:ext>
            </a:extLst>
          </p:cNvPr>
          <p:cNvSpPr txBox="1"/>
          <p:nvPr>
            <p:custDataLst>
              <p:tags r:id="rId99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zh-CN" altLang="en-US" sz="1000">
              <a:solidFill>
                <a:srgbClr val="EEECE1"/>
              </a:solidFill>
              <a:latin typeface="Calibri" panose="020F0502020204030204" pitchFamily="34" charset="0"/>
            </a:endParaRPr>
          </a:p>
        </p:txBody>
      </p:sp>
      <p:sp>
        <p:nvSpPr>
          <p:cNvPr id="99" name="OTLSHAPE_T_ff3bda11a3444531b22693b2203ac2b8_Title">
            <a:extLst>
              <a:ext uri="{FF2B5EF4-FFF2-40B4-BE49-F238E27FC236}">
                <a16:creationId xmlns:a16="http://schemas.microsoft.com/office/drawing/2014/main" id="{B5FDF262-1634-426D-9636-1B484D46D55A}"/>
              </a:ext>
            </a:extLst>
          </p:cNvPr>
          <p:cNvSpPr txBox="1"/>
          <p:nvPr>
            <p:custDataLst>
              <p:tags r:id="rId100"/>
            </p:custDataLst>
          </p:nvPr>
        </p:nvSpPr>
        <p:spPr>
          <a:xfrm>
            <a:off x="127000" y="5071147"/>
            <a:ext cx="8128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zh-CN" altLang="en-US" sz="900" b="1">
                <a:solidFill>
                  <a:schemeClr val="dk1"/>
                </a:solidFill>
                <a:latin typeface="Calibri" panose="020F0502020204030204" pitchFamily="34" charset="0"/>
              </a:rPr>
              <a:t>整套电子学测试</a:t>
            </a:r>
          </a:p>
        </p:txBody>
      </p:sp>
      <p:sp>
        <p:nvSpPr>
          <p:cNvPr id="102" name="OTLSHAPE_T_d6cd6918e4544ca08125b0f9f39fbbbe_Duration" hidden="1">
            <a:extLst>
              <a:ext uri="{FF2B5EF4-FFF2-40B4-BE49-F238E27FC236}">
                <a16:creationId xmlns:a16="http://schemas.microsoft.com/office/drawing/2014/main" id="{F4C03DBF-6A8D-4521-B035-2F0CD71DFD10}"/>
              </a:ext>
            </a:extLst>
          </p:cNvPr>
          <p:cNvSpPr txBox="1"/>
          <p:nvPr>
            <p:custDataLst>
              <p:tags r:id="rId101"/>
            </p:custDataLst>
          </p:nvPr>
        </p:nvSpPr>
        <p:spPr>
          <a:xfrm>
            <a:off x="12700" y="-310466"/>
            <a:ext cx="393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zh-CN" sz="1000">
                <a:solidFill>
                  <a:schemeClr val="accent2"/>
                </a:solidFill>
                <a:latin typeface="Calibri" panose="020F0502020204030204" pitchFamily="34" charset="0"/>
              </a:rPr>
              <a:t>21 days</a:t>
            </a:r>
            <a:endParaRPr lang="zh-CN" alt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03" name="OTLSHAPE_T_d6cd6918e4544ca08125b0f9f39fbbbe_StartDate" hidden="1">
            <a:extLst>
              <a:ext uri="{FF2B5EF4-FFF2-40B4-BE49-F238E27FC236}">
                <a16:creationId xmlns:a16="http://schemas.microsoft.com/office/drawing/2014/main" id="{7627DE06-B126-4F1A-8BC4-342B201139E1}"/>
              </a:ext>
            </a:extLst>
          </p:cNvPr>
          <p:cNvSpPr txBox="1"/>
          <p:nvPr>
            <p:custDataLst>
              <p:tags r:id="rId10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zh-CN" alt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04" name="OTLSHAPE_T_d6cd6918e4544ca08125b0f9f39fbbbe_EndDate" hidden="1">
            <a:extLst>
              <a:ext uri="{FF2B5EF4-FFF2-40B4-BE49-F238E27FC236}">
                <a16:creationId xmlns:a16="http://schemas.microsoft.com/office/drawing/2014/main" id="{9D9ED465-91C5-4EA4-808F-8BF1783843FF}"/>
              </a:ext>
            </a:extLst>
          </p:cNvPr>
          <p:cNvSpPr txBox="1"/>
          <p:nvPr>
            <p:custDataLst>
              <p:tags r:id="rId10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zh-CN" alt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05" name="OTLSHAPE_T_d6cd6918e4544ca08125b0f9f39fbbbe_JoinedDate">
            <a:extLst>
              <a:ext uri="{FF2B5EF4-FFF2-40B4-BE49-F238E27FC236}">
                <a16:creationId xmlns:a16="http://schemas.microsoft.com/office/drawing/2014/main" id="{68288D92-FB94-4CF7-9054-76F9532993D4}"/>
              </a:ext>
            </a:extLst>
          </p:cNvPr>
          <p:cNvSpPr txBox="1"/>
          <p:nvPr>
            <p:custDataLst>
              <p:tags r:id="rId104"/>
            </p:custDataLst>
          </p:nvPr>
        </p:nvSpPr>
        <p:spPr>
          <a:xfrm>
            <a:off x="8143248" y="5330100"/>
            <a:ext cx="711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altLang="zh-CN" sz="1000" spc="-4">
                <a:solidFill>
                  <a:schemeClr val="dk2"/>
                </a:solidFill>
                <a:latin typeface="Calibri" panose="020F0502020204030204" pitchFamily="34" charset="0"/>
              </a:rPr>
              <a:t>Oct 2 - Oct 22</a:t>
            </a:r>
            <a:endParaRPr lang="zh-CN" altLang="en-US" sz="1000" spc="-4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06" name="OTLSHAPE_T_d6cd6918e4544ca08125b0f9f39fbbbe_TextPercentage" hidden="1">
            <a:extLst>
              <a:ext uri="{FF2B5EF4-FFF2-40B4-BE49-F238E27FC236}">
                <a16:creationId xmlns:a16="http://schemas.microsoft.com/office/drawing/2014/main" id="{D08861BE-2585-47FD-B419-6221E846CCEA}"/>
              </a:ext>
            </a:extLst>
          </p:cNvPr>
          <p:cNvSpPr txBox="1"/>
          <p:nvPr>
            <p:custDataLst>
              <p:tags r:id="rId105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zh-CN" altLang="en-US" sz="1000">
              <a:solidFill>
                <a:srgbClr val="EEECE1"/>
              </a:solidFill>
              <a:latin typeface="Calibri" panose="020F0502020204030204" pitchFamily="34" charset="0"/>
            </a:endParaRPr>
          </a:p>
        </p:txBody>
      </p:sp>
      <p:sp>
        <p:nvSpPr>
          <p:cNvPr id="107" name="OTLSHAPE_T_d6cd6918e4544ca08125b0f9f39fbbbe_Title">
            <a:extLst>
              <a:ext uri="{FF2B5EF4-FFF2-40B4-BE49-F238E27FC236}">
                <a16:creationId xmlns:a16="http://schemas.microsoft.com/office/drawing/2014/main" id="{82D0CD4F-9876-4192-8B0F-8F70969C8381}"/>
              </a:ext>
            </a:extLst>
          </p:cNvPr>
          <p:cNvSpPr txBox="1"/>
          <p:nvPr>
            <p:custDataLst>
              <p:tags r:id="rId106"/>
            </p:custDataLst>
          </p:nvPr>
        </p:nvSpPr>
        <p:spPr>
          <a:xfrm>
            <a:off x="127000" y="5337847"/>
            <a:ext cx="5715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zh-CN" altLang="en-US" sz="900" b="1">
                <a:solidFill>
                  <a:schemeClr val="dk1"/>
                </a:solidFill>
                <a:latin typeface="Calibri" panose="020F0502020204030204" pitchFamily="34" charset="0"/>
              </a:rPr>
              <a:t>电子学复制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35992443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灯片编号占位符 1">
            <a:extLst>
              <a:ext uri="{FF2B5EF4-FFF2-40B4-BE49-F238E27FC236}">
                <a16:creationId xmlns:a16="http://schemas.microsoft.com/office/drawing/2014/main" id="{192E8FE0-C001-46CE-834C-BC36DD9B22C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C58DEF2B-8039-4C1E-A573-46AE1706B516}" type="slidenum">
              <a:rPr lang="en-US" altLang="zh-CN" smtClean="0"/>
              <a:pPr>
                <a:defRPr/>
              </a:pPr>
              <a:t>8</a:t>
            </a:fld>
            <a:endParaRPr lang="en-US" altLang="zh-CN" dirty="0"/>
          </a:p>
        </p:txBody>
      </p:sp>
      <p:sp>
        <p:nvSpPr>
          <p:cNvPr id="3" name="文本占位符 2">
            <a:extLst>
              <a:ext uri="{FF2B5EF4-FFF2-40B4-BE49-F238E27FC236}">
                <a16:creationId xmlns:a16="http://schemas.microsoft.com/office/drawing/2014/main" id="{3181C160-811E-46C9-89FD-C773E392AE65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/>
        <p:txBody>
          <a:bodyPr/>
          <a:lstStyle/>
          <a:p>
            <a:r>
              <a:rPr lang="zh-CN" altLang="en-US" dirty="0"/>
              <a:t>其他</a:t>
            </a:r>
            <a:endParaRPr lang="en-US" altLang="zh-CN" dirty="0"/>
          </a:p>
        </p:txBody>
      </p:sp>
      <p:sp>
        <p:nvSpPr>
          <p:cNvPr id="4" name="文本框 3">
            <a:extLst>
              <a:ext uri="{FF2B5EF4-FFF2-40B4-BE49-F238E27FC236}">
                <a16:creationId xmlns:a16="http://schemas.microsoft.com/office/drawing/2014/main" id="{209D0F7E-F4DA-4E14-88E3-7C87D554F1D8}"/>
              </a:ext>
            </a:extLst>
          </p:cNvPr>
          <p:cNvSpPr txBox="1"/>
          <p:nvPr/>
        </p:nvSpPr>
        <p:spPr>
          <a:xfrm>
            <a:off x="304800" y="1524000"/>
            <a:ext cx="6858000" cy="129663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342900" indent="-342900">
              <a:lnSpc>
                <a:spcPct val="150000"/>
              </a:lnSpc>
              <a:buFont typeface="+mj-lt"/>
              <a:buAutoNum type="arabicPeriod"/>
            </a:pPr>
            <a:r>
              <a:rPr lang="zh-CN" altLang="en-US" dirty="0"/>
              <a:t>以此为背景攥写</a:t>
            </a:r>
            <a:r>
              <a:rPr lang="en-US" altLang="zh-CN" dirty="0" err="1"/>
              <a:t>SiPM</a:t>
            </a:r>
            <a:r>
              <a:rPr lang="en-US" altLang="zh-CN" dirty="0"/>
              <a:t> </a:t>
            </a:r>
            <a:r>
              <a:rPr lang="zh-CN" altLang="en-US" dirty="0"/>
              <a:t>读出电子学的文章</a:t>
            </a:r>
            <a:endParaRPr lang="en-US" altLang="zh-CN" dirty="0"/>
          </a:p>
          <a:p>
            <a:pPr marL="342900" indent="-342900">
              <a:lnSpc>
                <a:spcPct val="150000"/>
              </a:lnSpc>
              <a:buFont typeface="+mj-lt"/>
              <a:buAutoNum type="arabicPeriod"/>
            </a:pPr>
            <a:r>
              <a:rPr lang="zh-CN" altLang="en-US" dirty="0"/>
              <a:t>验收时可否使用开发板（</a:t>
            </a:r>
            <a:r>
              <a:rPr lang="en-US" altLang="zh-CN" dirty="0"/>
              <a:t>ADC </a:t>
            </a:r>
            <a:r>
              <a:rPr lang="zh-CN" altLang="en-US" dirty="0"/>
              <a:t>数据处理并传递给上位机）</a:t>
            </a:r>
            <a:endParaRPr lang="en-US" altLang="zh-CN" dirty="0"/>
          </a:p>
          <a:p>
            <a:pPr marL="342900" indent="-342900">
              <a:lnSpc>
                <a:spcPct val="150000"/>
              </a:lnSpc>
              <a:buFont typeface="+mj-lt"/>
              <a:buAutoNum type="arabicPeriod"/>
            </a:pPr>
            <a:r>
              <a:rPr lang="zh-CN" altLang="en-US" dirty="0"/>
              <a:t>验收框图：最后验收</a:t>
            </a:r>
            <a:r>
              <a:rPr lang="en-US" altLang="zh-CN" dirty="0"/>
              <a:t>2</a:t>
            </a:r>
            <a:r>
              <a:rPr lang="zh-CN" altLang="en-US" dirty="0"/>
              <a:t>套，考虑备料</a:t>
            </a:r>
            <a:r>
              <a:rPr lang="en-US" altLang="zh-CN" dirty="0"/>
              <a:t>4</a:t>
            </a:r>
            <a:r>
              <a:rPr lang="zh-CN" altLang="en-US"/>
              <a:t>套</a:t>
            </a:r>
            <a:endParaRPr lang="zh-CN" altLang="en-US" dirty="0"/>
          </a:p>
        </p:txBody>
      </p:sp>
      <p:pic>
        <p:nvPicPr>
          <p:cNvPr id="8" name="图片 7">
            <a:extLst>
              <a:ext uri="{FF2B5EF4-FFF2-40B4-BE49-F238E27FC236}">
                <a16:creationId xmlns:a16="http://schemas.microsoft.com/office/drawing/2014/main" id="{B6AD3914-0083-4D0B-8EBE-81DC5B7EFC8C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419100" y="3724624"/>
            <a:ext cx="8305800" cy="163058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153348919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灯片编号占位符 1">
            <a:extLst>
              <a:ext uri="{FF2B5EF4-FFF2-40B4-BE49-F238E27FC236}">
                <a16:creationId xmlns:a16="http://schemas.microsoft.com/office/drawing/2014/main" id="{EE2B4F6E-AEE9-435D-BEFC-31CDF8465B9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C58DEF2B-8039-4C1E-A573-46AE1706B516}" type="slidenum">
              <a:rPr lang="en-US" altLang="zh-CN" smtClean="0"/>
              <a:pPr>
                <a:defRPr/>
              </a:pPr>
              <a:t>9</a:t>
            </a:fld>
            <a:endParaRPr lang="en-US" altLang="zh-CN" dirty="0"/>
          </a:p>
        </p:txBody>
      </p:sp>
      <p:sp>
        <p:nvSpPr>
          <p:cNvPr id="3" name="文本占位符 2">
            <a:extLst>
              <a:ext uri="{FF2B5EF4-FFF2-40B4-BE49-F238E27FC236}">
                <a16:creationId xmlns:a16="http://schemas.microsoft.com/office/drawing/2014/main" id="{33892200-CAC1-44F5-81C1-205668A8F3EB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/>
        <p:txBody>
          <a:bodyPr/>
          <a:lstStyle/>
          <a:p>
            <a:r>
              <a:rPr lang="en-US" altLang="zh-CN" dirty="0"/>
              <a:t>ADC</a:t>
            </a:r>
            <a:r>
              <a:rPr lang="zh-CN" altLang="en-US" dirty="0"/>
              <a:t>子板</a:t>
            </a:r>
          </a:p>
        </p:txBody>
      </p:sp>
      <p:graphicFrame>
        <p:nvGraphicFramePr>
          <p:cNvPr id="5" name="表格 5">
            <a:extLst>
              <a:ext uri="{FF2B5EF4-FFF2-40B4-BE49-F238E27FC236}">
                <a16:creationId xmlns:a16="http://schemas.microsoft.com/office/drawing/2014/main" id="{4A5F116F-42A9-437F-8626-DF478D8A5AA8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597279506"/>
              </p:ext>
            </p:extLst>
          </p:nvPr>
        </p:nvGraphicFramePr>
        <p:xfrm>
          <a:off x="495300" y="1295400"/>
          <a:ext cx="8153400" cy="914400"/>
        </p:xfrm>
        <a:graphic>
          <a:graphicData uri="http://schemas.openxmlformats.org/drawingml/2006/table">
            <a:tbl>
              <a:tblPr firstRow="1" bandRow="1">
                <a:tableStyleId>{69CF1AB2-1976-4502-BF36-3FF5EA218861}</a:tableStyleId>
              </a:tblPr>
              <a:tblGrid>
                <a:gridCol w="2038350">
                  <a:extLst>
                    <a:ext uri="{9D8B030D-6E8A-4147-A177-3AD203B41FA5}">
                      <a16:colId xmlns:a16="http://schemas.microsoft.com/office/drawing/2014/main" val="717520847"/>
                    </a:ext>
                  </a:extLst>
                </a:gridCol>
                <a:gridCol w="2038350">
                  <a:extLst>
                    <a:ext uri="{9D8B030D-6E8A-4147-A177-3AD203B41FA5}">
                      <a16:colId xmlns:a16="http://schemas.microsoft.com/office/drawing/2014/main" val="2658874972"/>
                    </a:ext>
                  </a:extLst>
                </a:gridCol>
                <a:gridCol w="2038350">
                  <a:extLst>
                    <a:ext uri="{9D8B030D-6E8A-4147-A177-3AD203B41FA5}">
                      <a16:colId xmlns:a16="http://schemas.microsoft.com/office/drawing/2014/main" val="2017897611"/>
                    </a:ext>
                  </a:extLst>
                </a:gridCol>
                <a:gridCol w="2038350">
                  <a:extLst>
                    <a:ext uri="{9D8B030D-6E8A-4147-A177-3AD203B41FA5}">
                      <a16:colId xmlns:a16="http://schemas.microsoft.com/office/drawing/2014/main" val="4104388617"/>
                    </a:ext>
                  </a:extLst>
                </a:gridCol>
              </a:tblGrid>
              <a:tr h="204340">
                <a:tc>
                  <a:txBody>
                    <a:bodyPr/>
                    <a:lstStyle/>
                    <a:p>
                      <a:pPr algn="ctr"/>
                      <a:endParaRPr lang="zh-CN" altLang="en-US" sz="1400" b="0" dirty="0">
                        <a:latin typeface="+mn-lt"/>
                      </a:endParaRPr>
                    </a:p>
                  </a:txBody>
                  <a:tcP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zh-CN" altLang="en-US" sz="1400" b="0" dirty="0">
                          <a:latin typeface="+mn-lt"/>
                        </a:rPr>
                        <a:t>采样率</a:t>
                      </a:r>
                    </a:p>
                  </a:txBody>
                  <a:tcP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altLang="zh-CN" sz="1400" b="0" dirty="0">
                          <a:latin typeface="+mn-lt"/>
                        </a:rPr>
                        <a:t>ADC </a:t>
                      </a:r>
                      <a:r>
                        <a:rPr lang="zh-CN" altLang="en-US" sz="1400" b="0" dirty="0">
                          <a:latin typeface="+mn-lt"/>
                        </a:rPr>
                        <a:t>位数</a:t>
                      </a:r>
                    </a:p>
                  </a:txBody>
                  <a:tcP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zh-CN" altLang="en-US" sz="1400" b="0" dirty="0">
                          <a:latin typeface="+mn-lt"/>
                        </a:rPr>
                        <a:t>输入范围</a:t>
                      </a:r>
                    </a:p>
                  </a:txBody>
                  <a:tcPr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1436761772"/>
                  </a:ext>
                </a:extLst>
              </a:tr>
              <a:tr h="277119">
                <a:tc>
                  <a:txBody>
                    <a:bodyPr/>
                    <a:lstStyle/>
                    <a:p>
                      <a:pPr algn="ctr"/>
                      <a:r>
                        <a:rPr lang="zh-CN" altLang="en-US" sz="1400" b="0" dirty="0">
                          <a:latin typeface="+mn-lt"/>
                        </a:rPr>
                        <a:t>磁单极子探测需求</a:t>
                      </a:r>
                    </a:p>
                  </a:txBody>
                  <a:tcP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altLang="zh-CN" sz="1400" b="0" dirty="0">
                          <a:latin typeface="+mn-lt"/>
                        </a:rPr>
                        <a:t>&gt;1 </a:t>
                      </a:r>
                      <a:r>
                        <a:rPr lang="en-US" altLang="zh-CN" sz="1400" b="0" dirty="0" err="1">
                          <a:latin typeface="+mn-lt"/>
                        </a:rPr>
                        <a:t>Msps</a:t>
                      </a:r>
                      <a:endParaRPr lang="zh-CN" altLang="en-US" sz="1400" b="0" dirty="0">
                        <a:latin typeface="+mn-lt"/>
                      </a:endParaRPr>
                    </a:p>
                  </a:txBody>
                  <a:tcP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altLang="zh-CN" sz="1400" b="0" dirty="0">
                          <a:latin typeface="+mn-lt"/>
                        </a:rPr>
                        <a:t>&gt;20 bits</a:t>
                      </a:r>
                    </a:p>
                  </a:txBody>
                  <a:tcP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altLang="zh-CN" sz="1400" b="0" dirty="0">
                          <a:latin typeface="+mn-lt"/>
                        </a:rPr>
                        <a:t>&gt;4V</a:t>
                      </a:r>
                      <a:endParaRPr lang="zh-CN" altLang="en-US" sz="1400" b="0" dirty="0">
                        <a:latin typeface="+mn-lt"/>
                      </a:endParaRPr>
                    </a:p>
                  </a:txBody>
                  <a:tcPr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2488585902"/>
                  </a:ext>
                </a:extLst>
              </a:tr>
              <a:tr h="204340">
                <a:tc>
                  <a:txBody>
                    <a:bodyPr/>
                    <a:lstStyle/>
                    <a:p>
                      <a:pPr algn="ctr"/>
                      <a:r>
                        <a:rPr lang="en-US" sz="1400" b="0" i="0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AC9610D-24</a:t>
                      </a:r>
                      <a:endParaRPr lang="en-US" sz="1400" b="0" dirty="0">
                        <a:effectLst/>
                        <a:latin typeface="+mn-lt"/>
                      </a:endParaRPr>
                    </a:p>
                  </a:txBody>
                  <a:tcPr anchor="ctr"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altLang="zh-CN" sz="1400" b="0" dirty="0">
                          <a:latin typeface="+mn-lt"/>
                        </a:rPr>
                        <a:t>2 </a:t>
                      </a:r>
                      <a:r>
                        <a:rPr lang="en-US" altLang="zh-CN" sz="1400" b="0" dirty="0" err="1">
                          <a:latin typeface="+mn-lt"/>
                        </a:rPr>
                        <a:t>Msps</a:t>
                      </a:r>
                      <a:endParaRPr lang="zh-CN" altLang="en-US" sz="1400" b="0" dirty="0">
                        <a:latin typeface="+mn-lt"/>
                      </a:endParaRPr>
                    </a:p>
                  </a:txBody>
                  <a:tcP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altLang="zh-CN" sz="1400" b="0" dirty="0">
                          <a:latin typeface="+mn-lt"/>
                        </a:rPr>
                        <a:t>24 bits</a:t>
                      </a:r>
                      <a:endParaRPr lang="zh-CN" altLang="en-US" sz="1400" b="0" dirty="0">
                        <a:latin typeface="+mn-lt"/>
                      </a:endParaRPr>
                    </a:p>
                  </a:txBody>
                  <a:tcPr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altLang="zh-CN" sz="1400" b="0" dirty="0">
                          <a:latin typeface="+mn-lt"/>
                        </a:rPr>
                        <a:t>REF up to 5V</a:t>
                      </a:r>
                      <a:endParaRPr lang="zh-CN" altLang="en-US" sz="1400" b="0" dirty="0">
                        <a:latin typeface="+mn-lt"/>
                      </a:endParaRPr>
                    </a:p>
                  </a:txBody>
                  <a:tcPr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3484058304"/>
                  </a:ext>
                </a:extLst>
              </a:tr>
            </a:tbl>
          </a:graphicData>
        </a:graphic>
      </p:graphicFrame>
      <p:pic>
        <p:nvPicPr>
          <p:cNvPr id="7" name="图片 6">
            <a:extLst>
              <a:ext uri="{FF2B5EF4-FFF2-40B4-BE49-F238E27FC236}">
                <a16:creationId xmlns:a16="http://schemas.microsoft.com/office/drawing/2014/main" id="{119E3079-0836-4CA8-B618-516C1981170E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28600" y="3711575"/>
            <a:ext cx="4107459" cy="3009900"/>
          </a:xfrm>
          <a:prstGeom prst="rect">
            <a:avLst/>
          </a:prstGeom>
        </p:spPr>
      </p:pic>
      <p:pic>
        <p:nvPicPr>
          <p:cNvPr id="9" name="图片 8">
            <a:extLst>
              <a:ext uri="{FF2B5EF4-FFF2-40B4-BE49-F238E27FC236}">
                <a16:creationId xmlns:a16="http://schemas.microsoft.com/office/drawing/2014/main" id="{6D29CF96-A95E-494A-AF5C-7871385EA89F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267200" y="3273622"/>
            <a:ext cx="4699680" cy="3505200"/>
          </a:xfrm>
          <a:prstGeom prst="rect">
            <a:avLst/>
          </a:prstGeom>
        </p:spPr>
      </p:pic>
      <p:sp>
        <p:nvSpPr>
          <p:cNvPr id="10" name="文本框 9">
            <a:extLst>
              <a:ext uri="{FF2B5EF4-FFF2-40B4-BE49-F238E27FC236}">
                <a16:creationId xmlns:a16="http://schemas.microsoft.com/office/drawing/2014/main" id="{75FE57BF-4488-4346-93E1-BE80DD5FE677}"/>
              </a:ext>
            </a:extLst>
          </p:cNvPr>
          <p:cNvSpPr txBox="1"/>
          <p:nvPr/>
        </p:nvSpPr>
        <p:spPr>
          <a:xfrm>
            <a:off x="457200" y="2392483"/>
            <a:ext cx="5029200" cy="129663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>
              <a:lnSpc>
                <a:spcPct val="150000"/>
              </a:lnSpc>
            </a:pPr>
            <a:r>
              <a:rPr lang="zh-CN" altLang="en-US" dirty="0"/>
              <a:t>模拟输入接口</a:t>
            </a:r>
            <a:endParaRPr lang="en-US" altLang="zh-CN" dirty="0"/>
          </a:p>
          <a:p>
            <a:pPr marL="285750" indent="-28575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US" altLang="zh-CN" dirty="0"/>
              <a:t>Monopole</a:t>
            </a:r>
            <a:r>
              <a:rPr lang="zh-CN" altLang="en-US" dirty="0"/>
              <a:t>：</a:t>
            </a:r>
            <a:r>
              <a:rPr lang="en-US" altLang="zh-CN" dirty="0"/>
              <a:t>SMA</a:t>
            </a:r>
          </a:p>
          <a:p>
            <a:pPr marL="285750" indent="-28575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US" altLang="zh-CN" dirty="0"/>
              <a:t>HSY</a:t>
            </a:r>
            <a:r>
              <a:rPr lang="zh-CN" altLang="en-US" dirty="0"/>
              <a:t>：</a:t>
            </a:r>
            <a:r>
              <a:rPr lang="en-US" altLang="zh-CN" dirty="0"/>
              <a:t>unknown</a:t>
            </a:r>
            <a:endParaRPr lang="zh-CN" altLang="en-US" dirty="0"/>
          </a:p>
        </p:txBody>
      </p:sp>
    </p:spTree>
    <p:extLst>
      <p:ext uri="{BB962C8B-B14F-4D97-AF65-F5344CB8AC3E}">
        <p14:creationId xmlns:p14="http://schemas.microsoft.com/office/powerpoint/2010/main" val="1892132191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IMEBANDSCALETYPE" val="Months"/>
  <p:tag name="OTLTIMEBANDSCALEFORMAT" val="MMM"/>
  <p:tag name="OTLTIMEBANDSHAPETYPE" val="ModernTimeband"/>
  <p:tag name="OTLTIMEBANDSHAPEHEIGHT" val="30"/>
  <p:tag name="OTLTIMEBANDSHAPEPADDINGLEFT" val="13"/>
  <p:tag name="OTLTIMEBANDCULTUREINFO" val="en-US"/>
  <p:tag name="OTLTIMEBANDQUICKPOSITION" val="Custom"/>
  <p:tag name="OTLTIMEBANDTHREEDEFFECTS" val="None"/>
  <p:tag name="OTLTIMEBANDAUTODATERANGE" val="True"/>
  <p:tag name="OTLTIMEBANDSTARTDATE" val="0001-01-01T00:00:00.0000000"/>
  <p:tag name="OTLTIMEBANDENDDATE" val="2025-08-20T23:59:00.0000000Z"/>
  <p:tag name="OTLTIMEBANDWORKINGDAYS" val="All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True"/>
  <p:tag name="OTLTIMEBANDSCALEMARKING" val="None"/>
  <p:tag name="OTLRIGHTENDCAPSMARGINRIGHT" val="25"/>
  <p:tag name="OTLLEFTENDCAPSMARGINLEFT" val="25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DEPENABLED" val="False"/>
  <p:tag name="OTLTIMEBANDDEPSCHEDULINGMODE" val="Flexible"/>
  <p:tag name="OTLTIMEBANDDEPPREVIOUSSCHEDULINGMODE" val="Flexible"/>
  <p:tag name="OTLTIMEBANDDEPONBREAKINGSTRICTSCHEDULINGMODE" val="AskEverytime"/>
  <p:tag name="OTLTIMEBANDDEPONBREAKINGFLEXIBLESCHEDULINGMODE" val="AskEverytime"/>
  <p:tag name="OTLTIMEBANDSPACINGABOVE" val="5"/>
  <p:tag name="OTLTIMEBANDSPACINGBELOW" val="5"/>
  <p:tag name="OTLTIMEBANDSPACINGABOVEFORSWLANDTASKS" val="5"/>
  <p:tag name="OTLTIMEBANDSPACINGBELOWFORSWLANDTASKS" val="5"/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ELAPSEDSTYLE" val="Thick"/>
  <p:tag name="OTLMARKERSHAPE" val="OTL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ODAYPOSITION" val="Below"/>
  <p:tag name="OTLMARKERSHAPE" val="OTL"/>
</p:tagLst>
</file>

<file path=ppt/tags/tag1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5-06-11T00:00:00.0000000"/>
  <p:tag name="OTLENDDATE" val="2025-06-17T23:59:00.0000000Z"/>
  <p:tag name="OTLDURATIONFORMAT" val="day"/>
  <p:tag name="OTLSPACING" val="5"/>
  <p:tag name="OTLSHAPETHICKNESSTYPE" val="Regular"/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5-06-11T00:00:00.0000000"/>
  <p:tag name="OTLENDDATE" val="2025-06-17T23:59:00.0000000Z"/>
  <p:tag name="OTLDURATIONFORMAT" val="day"/>
  <p:tag name="OTLSPACING" val="5"/>
  <p:tag name="OTLSHAPETHICKNESSTYPE" val="Regular"/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5-06-18T00:00:00.0000000"/>
  <p:tag name="OTLENDDATE" val="2025-07-08T23:59:00.0000000Z"/>
  <p:tag name="OTLDURATIONFORMAT" val="day"/>
  <p:tag name="OTLSPACING" val="5"/>
  <p:tag name="OTLSHAPETHICKNESSTYPE" val="Regular"/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5-07-09T00:00:00.0000000"/>
  <p:tag name="OTLENDDATE" val="2025-07-15T23:59:00.0000000Z"/>
  <p:tag name="OTLDURATIONFORMAT" val="day"/>
  <p:tag name="OTLSPACING" val="5"/>
  <p:tag name="OTLSHAPETHICKNESSTYPE" val="Regular"/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5-07-16T00:00:00.0000000"/>
  <p:tag name="OTLENDDATE" val="2025-07-22T23:59:00.0000000Z"/>
  <p:tag name="OTLDURATIONFORMAT" val="day"/>
  <p:tag name="OTLSPACING" val="5"/>
  <p:tag name="OTLSHAPETHICKNESSTYPE" val="Regular"/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5-07-23T00:00:00.0000000"/>
  <p:tag name="OTLENDDATE" val="2025-08-05T23:59:00.0000000Z"/>
  <p:tag name="OTLDURATIONFORMAT" val="day"/>
  <p:tag name="OTLSPACING" val="5"/>
  <p:tag name="OTLSHAPETHICKNESSTYPE" val="Regular"/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5-08-06T23:59:00.0000000"/>
  <p:tag name="OTLENDDATE" val="2025-08-13T23:59:00.0000000Z"/>
  <p:tag name="OTLDURATIONFORMAT" val="day"/>
  <p:tag name="OTLSPACING" val="5"/>
  <p:tag name="OTLSHAPETHICKNESSTYPE" val="Regular"/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5-08-14T00:00:00.0000000"/>
  <p:tag name="OTLENDDATE" val="2025-08-20T23:59:00.0000000Z"/>
  <p:tag name="OTLDURATIONFORMAT" val="day"/>
  <p:tag name="OTLSPACING" val="5"/>
  <p:tag name="OTLSHAPETHICKNESSTYPE" val="Regular"/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M2IiwiVG9wIjowLjAsIkxlZnQiOjAuMCwiUmlnaHQiOjAuMCwiQm90dG9tIjowLjB9LCJQYWRkaW5nIjp7IiRpZCI6IjEzNyIsIlRvcCI6MC4wLCJMZWZ0IjowLjAsIlJpZ2h0IjowLjAsIkJvdHRvbSI6MC4wfSwiQmFja2dyb3VuZCI6eyIkaWQiOiIxMzgiLCJDb2xvciI6eyIkaWQiOiIxMzkiLCJBIjo4OSwiUiI6MCwiRyI6MCwiQiI6MH19LCJJc1Zpc2libGUiOnRydWUsIldpZHRoIjowLjAsIkhlaWdodCI6MC4wLCJCb3JkZXJTdHlsZSI6bnVsbCwiUGFyZW50U3R5bGUiOm51bGx9LCJEYXRlRm9ybWF0Ijp7IiRpZCI6IjE0M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g1IiwiVG9wIjowLjAsIkxlZnQiOjAuMCwiUmlnaHQiOjAuMCwiQm90dG9tIjowLjB9LCJQYWRkaW5nIjp7IiRpZCI6IjE4NiIsIlRvcCI6MC4wLCJMZWZ0IjowLjAsIlJpZ2h0IjowLjAsIkJvdHRvbSI6MC4wfSwiQmFja2dyb3VuZCI6eyIkaWQiOiIxODciLCJDb2xvciI6eyIkaWQiOiIxODgiLCJBIjo4OSwiUiI6MCwiRyI6MCwiQiI6MH19LCJJc1Zpc2libGUiOnRydWUsIldpZHRoIjowLjAsIkhlaWdodCI6MC4wLCJCb3JkZXJTdHlsZSI6bnVsbCwiUGFyZW50U3R5bGUiOm51bGx9LCJEYXRlRm9ybWF0Ijp7IiRpZCI6IjE4O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OTAiLCJGb3JtYXQiOjAsIklzVmlzaWJsZSI6ZmFsc2UsIkxhc3RLbm93blZpc2liaWxpdHlTdGF0ZSI6ZmFsc2V9LCJJc1Zpc2libGUiOnRydWUsIlBhcmVudFN0eWxlIjpudWxsLCJfZXhwbGljaXRseVNldCI6eyIkaWQiOiIxOTE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jEzIiwiVG9wIjowLjAsIkxlZnQiOjAuMCwiUmlnaHQiOjAuMCwiQm90dG9tIjowLjB9LCJQYWRkaW5nIjp7IiRpZCI6IjIxNCIsIlRvcCI6MC4wLCJMZWZ0IjowLjAsIlJpZ2h0IjowLjAsIkJvdHRvbSI6MC4wfSwiQmFja2dyb3VuZCI6eyIkaWQiOiIyMTUiLCJDb2xvciI6eyIkaWQiOiIyMTYiLCJBIjo4OSwiUiI6MCwiRyI6MCwiQiI6MH19LCJJc1Zpc2libGUiOmZhbHNlLCJXaWR0aCI6MC4wLCJIZWlnaHQiOjAuMCwiQm9yZGVyU3R5bGUiOm51bGwsIlBhcmVudFN0eWxlIjpudWxsfSwiRGF0ZUZvcm1hdCI6eyIkaWQiOiIyMTc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"/>
  <p:tag name="__MASTER" val="__part_0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IMEBANDSCALETYPE" val="Months"/>
  <p:tag name="OTLTIMEBANDSCALEFORMAT" val="MMM"/>
  <p:tag name="OTLTIMEBANDSHAPETYPE" val="ModernTimeband"/>
  <p:tag name="OTLTIMEBANDSHAPEHEIGHT" val="30"/>
  <p:tag name="OTLTIMEBANDSHAPEPADDINGLEFT" val="13"/>
  <p:tag name="OTLTIMEBANDCULTUREINFO" val="en-US"/>
  <p:tag name="OTLTIMEBANDQUICKPOSITION" val="Custom"/>
  <p:tag name="OTLTIMEBANDTHREEDEFFECTS" val="None"/>
  <p:tag name="OTLTIMEBANDAUTODATERANGE" val="True"/>
  <p:tag name="OTLTIMEBANDSTARTDATE" val="0001-01-01T00:00:00.0000000"/>
  <p:tag name="OTLTIMEBANDENDDATE" val="2025-10-22T23:59:00.0000000Z"/>
  <p:tag name="OTLTIMEBANDWORKINGDAYS" val="All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True"/>
  <p:tag name="OTLTIMEBANDSCALEMARKING" val="None"/>
  <p:tag name="OTLRIGHTENDCAPSMARGINRIGHT" val="25"/>
  <p:tag name="OTLLEFTENDCAPSMARGINLEFT" val="25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DEPENABLED" val="False"/>
  <p:tag name="OTLTIMEBANDDEPSCHEDULINGMODE" val="Flexible"/>
  <p:tag name="OTLTIMEBANDDEPPREVIOUSSCHEDULINGMODE" val="Flexible"/>
  <p:tag name="OTLTIMEBANDDEPONBREAKINGSTRICTSCHEDULINGMODE" val="AskEverytime"/>
  <p:tag name="OTLTIMEBANDDEPONBREAKINGFLEXIBLESCHEDULINGMODE" val="AskEverytime"/>
  <p:tag name="OTLTIMEBANDSPACINGABOVE" val="5"/>
  <p:tag name="OTLTIMEBANDSPACINGBELOW" val="5"/>
  <p:tag name="OTLTIMEBANDSPACINGABOVEFORSWLANDTASKS" val="5"/>
  <p:tag name="OTLTIMEBANDSPACINGBELOWFORSWLANDTASKS" val="5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ELAPSEDSTYLE" val="Thick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ODAYPOSITION" val="Below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5-06-11T00:00:00.0000000"/>
  <p:tag name="OTLENDDATE" val="2025-06-24T23:59:00.0000000Z"/>
  <p:tag name="OTLDURATIONFORMAT" val="day"/>
  <p:tag name="OTLSPACING" val="5"/>
  <p:tag name="OTLSHAPETHICKNESSTYPE" val="Regular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5-06-11T00:00:00.0000000"/>
  <p:tag name="OTLENDDATE" val="2025-06-17T23:59:00.0000000Z"/>
  <p:tag name="OTLDURATIONFORMAT" val="day"/>
  <p:tag name="OTLSPACING" val="5"/>
  <p:tag name="OTLSHAPETHICKNESSTYPE" val="Regular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5-06-18T00:00:00.0000000"/>
  <p:tag name="OTLENDDATE" val="2025-07-15T23:59:00.0000000Z"/>
  <p:tag name="OTLDURATIONFORMAT" val="day"/>
  <p:tag name="OTLSPACING" val="5"/>
  <p:tag name="OTLSHAPETHICKNESSTYPE" val="Regular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5-07-16T00:00:00.0000000"/>
  <p:tag name="OTLENDDATE" val="2025-07-29T23:59:00.0000000Z"/>
  <p:tag name="OTLDURATIONFORMAT" val="day"/>
  <p:tag name="OTLSPACING" val="5"/>
  <p:tag name="OTLSHAPETHICKNESSTYPE" val="Regular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5-07-30T00:00:00.0000000"/>
  <p:tag name="OTLENDDATE" val="2025-08-12T23:59:00.0000000Z"/>
  <p:tag name="OTLDURATIONFORMAT" val="day"/>
  <p:tag name="OTLSPACING" val="5"/>
  <p:tag name="OTLSHAPETHICKNESSTYPE" val="Regular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5-08-13T00:00:00.0000000"/>
  <p:tag name="OTLENDDATE" val="2025-08-26T23:59:00.0000000Z"/>
  <p:tag name="OTLDURATIONFORMAT" val="day"/>
  <p:tag name="OTLSPACING" val="5"/>
  <p:tag name="OTLSHAPETHICKNESSTYPE" val="Regular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5-08-27T23:59:00.0000000"/>
  <p:tag name="OTLENDDATE" val="2025-09-03T23:59:00.0000000Z"/>
  <p:tag name="OTLDURATIONFORMAT" val="day"/>
  <p:tag name="OTLSPACING" val="5"/>
  <p:tag name="OTLSHAPETHICKNESSTYPE" val="Regular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5-09-04T00:00:00.0000000"/>
  <p:tag name="OTLENDDATE" val="2025-09-17T23:59:00.0000000Z"/>
  <p:tag name="OTLDURATIONFORMAT" val="day"/>
  <p:tag name="OTLSPACING" val="5"/>
  <p:tag name="OTLSHAPETHICKNESSTYPE" val="Regular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5-09-18T00:00:00.0000000"/>
  <p:tag name="OTLENDDATE" val="2025-10-01T23:59:00.0000000Z"/>
  <p:tag name="OTLDURATIONFORMAT" val="day"/>
  <p:tag name="OTLSPACING" val="5"/>
  <p:tag name="OTLSHAPETHICKNESSTYPE" val="Regular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5-10-02T00:00:00.0000000"/>
  <p:tag name="OTLENDDATE" val="2025-10-22T23:59:00.0000000Z"/>
  <p:tag name="OTLDURATIONFORMAT" val="day"/>
  <p:tag name="OTLSPACING" val="5"/>
  <p:tag name="OTLSHAPETHICKNESSTYPE" val="Regular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主题​​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等线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等线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2.xml><?xml version="1.0" encoding="utf-8"?>
<a:theme xmlns:a="http://schemas.openxmlformats.org/drawingml/2006/main" name="Office 主题​​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等线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等线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3.xml><?xml version="1.0" encoding="utf-8"?>
<a:theme xmlns:a="http://schemas.openxmlformats.org/drawingml/2006/main" name="Office 主题​​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等线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等线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emplate/>
  <TotalTime>453436</TotalTime>
  <Words>657</Words>
  <Application>Microsoft Office PowerPoint</Application>
  <PresentationFormat>全屏显示(4:3)</PresentationFormat>
  <Paragraphs>146</Paragraphs>
  <Slides>10</Slides>
  <Notes>3</Notes>
  <HiddenSlides>2</HiddenSlides>
  <MMClips>0</MMClips>
  <ScaleCrop>false</ScaleCrop>
  <HeadingPairs>
    <vt:vector size="6" baseType="variant">
      <vt:variant>
        <vt:lpstr>已用的字体</vt:lpstr>
      </vt:variant>
      <vt:variant>
        <vt:i4>5</vt:i4>
      </vt:variant>
      <vt:variant>
        <vt:lpstr>主题</vt:lpstr>
      </vt:variant>
      <vt:variant>
        <vt:i4>1</vt:i4>
      </vt:variant>
      <vt:variant>
        <vt:lpstr>幻灯片标题</vt:lpstr>
      </vt:variant>
      <vt:variant>
        <vt:i4>10</vt:i4>
      </vt:variant>
    </vt:vector>
  </HeadingPairs>
  <TitlesOfParts>
    <vt:vector size="16" baseType="lpstr">
      <vt:lpstr>等线</vt:lpstr>
      <vt:lpstr>等线 Light</vt:lpstr>
      <vt:lpstr>Arial</vt:lpstr>
      <vt:lpstr>Calibri</vt:lpstr>
      <vt:lpstr>Wingdings</vt:lpstr>
      <vt:lpstr>Office 主题​​</vt:lpstr>
      <vt:lpstr>SiPM 测试</vt:lpstr>
      <vt:lpstr>PowerPoint 演示文稿</vt:lpstr>
      <vt:lpstr>PowerPoint 演示文稿</vt:lpstr>
      <vt:lpstr>PowerPoint 演示文稿</vt:lpstr>
      <vt:lpstr>PowerPoint 演示文稿</vt:lpstr>
      <vt:lpstr>PowerPoint 演示文稿</vt:lpstr>
      <vt:lpstr>PowerPoint 演示文稿</vt:lpstr>
      <vt:lpstr>PowerPoint 演示文稿</vt:lpstr>
      <vt:lpstr>PowerPoint 演示文稿</vt:lpstr>
      <vt:lpstr>PowerPoint 演示文稿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dc:creator>Administrator</dc:creator>
  <cp:lastModifiedBy>yechangqing</cp:lastModifiedBy>
  <cp:revision>5695</cp:revision>
  <cp:lastPrinted>2023-09-04T07:35:07Z</cp:lastPrinted>
  <dcterms:created xsi:type="dcterms:W3CDTF">1601-01-01T00:00:00Z</dcterms:created>
  <dcterms:modified xsi:type="dcterms:W3CDTF">2025-06-16T02:26:34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Version">
    <vt:i4>1</vt:i4>
  </property>
</Properties>
</file>